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worksheets/sheet8.xml" ContentType="application/vnd.openxmlformats-officedocument.spreadsheetml.worksheet+xml"/>
  <Override PartName="/xl/worksheets/sheet9.xml" ContentType="application/vnd.openxmlformats-officedocument.spreadsheetml.worksheet+xml"/>
  <Override PartName="/xl/worksheets/sheet10.xml" ContentType="application/vnd.openxmlformats-officedocument.spreadsheetml.worksheet+xml"/>
  <Override PartName="/xl/worksheets/sheet11.xml" ContentType="application/vnd.openxmlformats-officedocument.spreadsheetml.worksheet+xml"/>
  <Override PartName="/xl/worksheets/sheet12.xml" ContentType="application/vnd.openxmlformats-officedocument.spreadsheetml.worksheet+xml"/>
  <Override PartName="/xl/worksheets/sheet13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4827"/>
  <workbookPr defaultThemeVersion="166925"/>
  <mc:AlternateContent xmlns:mc="http://schemas.openxmlformats.org/markup-compatibility/2006">
    <mc:Choice Requires="x15">
      <x15ac:absPath xmlns:x15ac="http://schemas.microsoft.com/office/spreadsheetml/2010/11/ac" url="\\s0000854\Users$\auwanwo\My Documents\ANNA\A GCOCC\GCOCC\Gold Coast Outrigers\Events\2021 Pan Pacs\"/>
    </mc:Choice>
  </mc:AlternateContent>
  <xr:revisionPtr revIDLastSave="0" documentId="8_{22268976-A7FE-426B-9C45-E60C106931FF}" xr6:coauthVersionLast="47" xr6:coauthVersionMax="47" xr10:uidLastSave="{00000000-0000-0000-0000-000000000000}"/>
  <bookViews>
    <workbookView xWindow="-110" yWindow="-110" windowWidth="19420" windowHeight="10420" activeTab="1" xr2:uid="{00000000-000D-0000-FFFF-FFFF00000000}"/>
  </bookViews>
  <sheets>
    <sheet name="Team List" sheetId="4" r:id="rId1"/>
    <sheet name="Event 1" sheetId="1" r:id="rId2"/>
    <sheet name="Event 2 " sheetId="5" r:id="rId3"/>
    <sheet name="Event 3" sheetId="17" r:id="rId4"/>
    <sheet name="Event 4" sheetId="18" r:id="rId5"/>
    <sheet name="Event 5" sheetId="20" r:id="rId6"/>
    <sheet name="Event 6" sheetId="21" r:id="rId7"/>
    <sheet name="Event 7" sheetId="22" r:id="rId8"/>
    <sheet name="Event 8" sheetId="23" r:id="rId9"/>
    <sheet name="Event 9" sheetId="24" r:id="rId10"/>
    <sheet name="Event 10" sheetId="13" r:id="rId11"/>
    <sheet name="LOOKUPS" sheetId="16" state="hidden" r:id="rId12"/>
    <sheet name="Divisions" sheetId="19" r:id="rId13"/>
  </sheets>
  <definedNames>
    <definedName name="_xlnm.Print_Titles" localSheetId="0">'Team List'!$1:$2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</xcalcf:calcFeatures>
    </ext>
  </extLst>
</workbook>
</file>

<file path=xl/calcChain.xml><?xml version="1.0" encoding="utf-8"?>
<calcChain xmlns="http://schemas.openxmlformats.org/spreadsheetml/2006/main">
  <c r="D49" i="20" l="1"/>
  <c r="D23" i="20"/>
  <c r="D10" i="20"/>
  <c r="D36" i="24"/>
  <c r="D23" i="24"/>
  <c r="D10" i="24"/>
  <c r="D36" i="23"/>
  <c r="D23" i="23"/>
  <c r="D10" i="23"/>
  <c r="D36" i="22"/>
  <c r="D24" i="22"/>
  <c r="D23" i="22"/>
  <c r="D10" i="22"/>
  <c r="D11" i="22" s="1"/>
  <c r="D36" i="20"/>
  <c r="D36" i="18"/>
  <c r="D23" i="18"/>
  <c r="D10" i="18"/>
  <c r="D36" i="17"/>
  <c r="D23" i="17"/>
  <c r="D10" i="17"/>
  <c r="D36" i="5"/>
  <c r="D23" i="5"/>
  <c r="D10" i="5"/>
  <c r="D11" i="5" s="1"/>
  <c r="D52" i="13" l="1"/>
  <c r="D34" i="13"/>
</calcChain>
</file>

<file path=xl/sharedStrings.xml><?xml version="1.0" encoding="utf-8"?>
<sst xmlns="http://schemas.openxmlformats.org/spreadsheetml/2006/main" count="260" uniqueCount="80">
  <si>
    <t>First Name</t>
  </si>
  <si>
    <t>Last Name</t>
  </si>
  <si>
    <t xml:space="preserve">Age </t>
  </si>
  <si>
    <t>Paddler</t>
  </si>
  <si>
    <t>Combined Age Total</t>
  </si>
  <si>
    <t>V12 - 6km Iron Race</t>
  </si>
  <si>
    <t>Division</t>
  </si>
  <si>
    <t>Divisions</t>
  </si>
  <si>
    <t>30+</t>
  </si>
  <si>
    <t>40+</t>
  </si>
  <si>
    <t>50+</t>
  </si>
  <si>
    <t>60+</t>
  </si>
  <si>
    <t>200+</t>
  </si>
  <si>
    <t>250+</t>
  </si>
  <si>
    <t>300+</t>
  </si>
  <si>
    <t>Aggregate 200+, 250+, 300+</t>
  </si>
  <si>
    <t>Aggregate 90+, 120+, 150+</t>
  </si>
  <si>
    <t>90+</t>
  </si>
  <si>
    <t>120+</t>
  </si>
  <si>
    <t>150+</t>
  </si>
  <si>
    <t>Aggregate 180+, 240+, 300+</t>
  </si>
  <si>
    <t>Events 4</t>
  </si>
  <si>
    <t>Events 2, 11</t>
  </si>
  <si>
    <t>Aggregate 400+, 500+, 600+</t>
  </si>
  <si>
    <t>400+</t>
  </si>
  <si>
    <t>500+</t>
  </si>
  <si>
    <t>600+</t>
  </si>
  <si>
    <t>Events 12</t>
  </si>
  <si>
    <t>Events 1, 3, 5, 7, 8, 9</t>
  </si>
  <si>
    <t>Events 10</t>
  </si>
  <si>
    <t xml:space="preserve">Team Name: </t>
  </si>
  <si>
    <t>Event 1: 6km Single Short Course – OC1/OC2/V1</t>
  </si>
  <si>
    <t>Paddlers Register Single/Double Craft themselves</t>
  </si>
  <si>
    <t>12km Iron Race – OC6 – Men</t>
  </si>
  <si>
    <t>Event 2 - Team 1</t>
  </si>
  <si>
    <t>Event 2 - Team 2</t>
  </si>
  <si>
    <t>Event 2 - Team 3</t>
  </si>
  <si>
    <t>Event 3 - Team 1</t>
  </si>
  <si>
    <t>Event 3 - Team 2</t>
  </si>
  <si>
    <t>Event 3 - Team 3</t>
  </si>
  <si>
    <t>12km Iron Race – OC6 – Mixed</t>
  </si>
  <si>
    <t>Event 4 - Team 1</t>
  </si>
  <si>
    <t>Event 4 - Team 2</t>
  </si>
  <si>
    <t>12km Iron Race – OC6 – Women</t>
  </si>
  <si>
    <t>Event 4 - Team 3</t>
  </si>
  <si>
    <t>Event 4 - Team 4</t>
  </si>
  <si>
    <t>6km Iron Race – OC6 – Men</t>
  </si>
  <si>
    <t>6km Iron Race – OC6 – Women</t>
  </si>
  <si>
    <t>Event 8 - Team 1</t>
  </si>
  <si>
    <t>Event 8 - Team 2</t>
  </si>
  <si>
    <t>Event 8 - Team 3</t>
  </si>
  <si>
    <t xml:space="preserve">6km Iron Race – OC6 – Women </t>
  </si>
  <si>
    <t>Event 6: 12km Single Long Course – OC1/OC2/V1</t>
  </si>
  <si>
    <t>6km Iron Race – OC6 – Mixed</t>
  </si>
  <si>
    <t>Event 5 - Team 1</t>
  </si>
  <si>
    <t>Event 5 - Team 2</t>
  </si>
  <si>
    <t>Event 5 - Team 3</t>
  </si>
  <si>
    <t>Event 7 - Team 1</t>
  </si>
  <si>
    <t>Event 7 - Team 2</t>
  </si>
  <si>
    <t>Event 7 - Team 3</t>
  </si>
  <si>
    <t>Event 10: TEAM 1</t>
  </si>
  <si>
    <t>Event 10: TEAM 2</t>
  </si>
  <si>
    <t>Event 10: TEAM 3</t>
  </si>
  <si>
    <t>9km Team Relay – OC1/ OC2/ V1 /SKI</t>
  </si>
  <si>
    <t>OC6 CREWS</t>
  </si>
  <si>
    <t>V12 CREWS</t>
  </si>
  <si>
    <t>OC1/V1/Ski Relay CREWS</t>
  </si>
  <si>
    <t>OC2 Relay Crews</t>
  </si>
  <si>
    <t>OC1/V1/Ski</t>
  </si>
  <si>
    <t>Under 250</t>
  </si>
  <si>
    <t>180+</t>
  </si>
  <si>
    <t>Open (up to 40)</t>
  </si>
  <si>
    <t>251-299</t>
  </si>
  <si>
    <t>240+</t>
  </si>
  <si>
    <t>Master (41-50)</t>
  </si>
  <si>
    <t>300-349</t>
  </si>
  <si>
    <t>Senior Master (51-60)</t>
  </si>
  <si>
    <t>350+</t>
  </si>
  <si>
    <t>Golden Master (61+)</t>
  </si>
  <si>
    <t>Age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6" x14ac:knownFonts="1">
    <font>
      <sz val="11"/>
      <color theme="1"/>
      <name val="Calibri"/>
      <family val="2"/>
      <scheme val="minor"/>
    </font>
    <font>
      <b/>
      <sz val="12"/>
      <color theme="1"/>
      <name val="Calibri"/>
      <family val="2"/>
      <scheme val="minor"/>
    </font>
    <font>
      <b/>
      <sz val="14"/>
      <color theme="1"/>
      <name val="Calibri"/>
      <family val="2"/>
      <scheme val="minor"/>
    </font>
    <font>
      <sz val="12"/>
      <color theme="1"/>
      <name val="Calibri"/>
      <family val="2"/>
      <scheme val="minor"/>
    </font>
    <font>
      <sz val="10"/>
      <color rgb="FF383838"/>
      <name val="Calibri"/>
      <family val="2"/>
    </font>
    <font>
      <b/>
      <sz val="10"/>
      <color rgb="FF383838"/>
      <name val="Calibri"/>
      <family val="2"/>
    </font>
  </fonts>
  <fills count="7">
    <fill>
      <patternFill patternType="none"/>
    </fill>
    <fill>
      <patternFill patternType="gray125"/>
    </fill>
    <fill>
      <patternFill patternType="solid">
        <fgColor theme="0" tint="-4.9989318521683403E-2"/>
        <bgColor indexed="64"/>
      </patternFill>
    </fill>
    <fill>
      <patternFill patternType="solid">
        <fgColor theme="0" tint="-0.14999847407452621"/>
        <bgColor indexed="64"/>
      </patternFill>
    </fill>
    <fill>
      <patternFill patternType="solid">
        <fgColor theme="0" tint="-0.249977111117893"/>
        <bgColor indexed="64"/>
      </patternFill>
    </fill>
    <fill>
      <patternFill patternType="solid">
        <fgColor theme="0"/>
        <bgColor indexed="64"/>
      </patternFill>
    </fill>
    <fill>
      <patternFill patternType="solid">
        <fgColor rgb="FFB9D7FA"/>
        <bgColor indexed="64"/>
      </patternFill>
    </fill>
  </fills>
  <borders count="29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medium">
        <color indexed="64"/>
      </right>
      <top/>
      <bottom style="thin">
        <color indexed="64"/>
      </bottom>
      <diagonal/>
    </border>
    <border>
      <left/>
      <right style="thin">
        <color indexed="64"/>
      </right>
      <top style="medium">
        <color indexed="64"/>
      </top>
      <bottom style="medium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 style="medium">
        <color indexed="64"/>
      </right>
      <top/>
      <bottom style="thin">
        <color indexed="64"/>
      </bottom>
      <diagonal/>
    </border>
    <border>
      <left style="medium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/>
      <top/>
      <bottom style="medium">
        <color indexed="64"/>
      </bottom>
      <diagonal/>
    </border>
    <border>
      <left style="medium">
        <color indexed="64"/>
      </left>
      <right style="medium">
        <color indexed="64"/>
      </right>
      <top/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dotted">
        <color indexed="64"/>
      </left>
      <right style="dotted">
        <color indexed="64"/>
      </right>
      <top style="dotted">
        <color indexed="64"/>
      </top>
      <bottom style="dotted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/>
      <bottom style="medium">
        <color indexed="64"/>
      </bottom>
      <diagonal/>
    </border>
  </borders>
  <cellStyleXfs count="1">
    <xf numFmtId="0" fontId="0" fillId="0" borderId="0"/>
  </cellStyleXfs>
  <cellXfs count="62">
    <xf numFmtId="0" fontId="0" fillId="0" borderId="0" xfId="0"/>
    <xf numFmtId="0" fontId="0" fillId="0" borderId="0" xfId="0" applyAlignment="1">
      <alignment vertical="center"/>
    </xf>
    <xf numFmtId="0" fontId="0" fillId="0" borderId="17" xfId="0" applyBorder="1" applyAlignment="1">
      <alignment vertical="center"/>
    </xf>
    <xf numFmtId="0" fontId="0" fillId="0" borderId="14" xfId="0" applyBorder="1" applyAlignment="1">
      <alignment vertical="center"/>
    </xf>
    <xf numFmtId="0" fontId="0" fillId="0" borderId="18" xfId="0" applyBorder="1" applyAlignment="1">
      <alignment vertical="center"/>
    </xf>
    <xf numFmtId="0" fontId="0" fillId="0" borderId="1" xfId="0" applyBorder="1" applyAlignment="1">
      <alignment vertical="center"/>
    </xf>
    <xf numFmtId="0" fontId="0" fillId="0" borderId="8" xfId="0" applyBorder="1" applyAlignment="1">
      <alignment vertical="center"/>
    </xf>
    <xf numFmtId="0" fontId="0" fillId="0" borderId="19" xfId="0" applyBorder="1" applyAlignment="1">
      <alignment vertical="center"/>
    </xf>
    <xf numFmtId="0" fontId="0" fillId="0" borderId="10" xfId="0" applyBorder="1" applyAlignment="1">
      <alignment vertical="center"/>
    </xf>
    <xf numFmtId="0" fontId="0" fillId="0" borderId="11" xfId="0" applyBorder="1" applyAlignment="1">
      <alignment vertical="center"/>
    </xf>
    <xf numFmtId="0" fontId="0" fillId="0" borderId="0" xfId="0" applyAlignment="1">
      <alignment horizontal="center" vertical="center"/>
    </xf>
    <xf numFmtId="0" fontId="2" fillId="3" borderId="3" xfId="0" applyFont="1" applyFill="1" applyBorder="1" applyAlignment="1">
      <alignment horizontal="center" vertical="center"/>
    </xf>
    <xf numFmtId="0" fontId="2" fillId="3" borderId="12" xfId="0" applyFont="1" applyFill="1" applyBorder="1" applyAlignment="1">
      <alignment horizontal="center" vertical="center"/>
    </xf>
    <xf numFmtId="0" fontId="2" fillId="3" borderId="4" xfId="0" applyFont="1" applyFill="1" applyBorder="1" applyAlignment="1">
      <alignment horizontal="center" vertical="center"/>
    </xf>
    <xf numFmtId="0" fontId="0" fillId="0" borderId="13" xfId="0" applyBorder="1" applyAlignment="1">
      <alignment vertical="center"/>
    </xf>
    <xf numFmtId="0" fontId="0" fillId="0" borderId="7" xfId="0" applyBorder="1" applyAlignment="1">
      <alignment vertical="center"/>
    </xf>
    <xf numFmtId="0" fontId="0" fillId="0" borderId="9" xfId="0" applyBorder="1" applyAlignment="1">
      <alignment vertical="center"/>
    </xf>
    <xf numFmtId="0" fontId="1" fillId="2" borderId="2" xfId="0" applyFont="1" applyFill="1" applyBorder="1" applyAlignment="1">
      <alignment horizontal="center" vertical="center"/>
    </xf>
    <xf numFmtId="0" fontId="1" fillId="2" borderId="16" xfId="0" applyFont="1" applyFill="1" applyBorder="1" applyAlignment="1">
      <alignment horizontal="center" vertical="center"/>
    </xf>
    <xf numFmtId="0" fontId="1" fillId="2" borderId="12" xfId="0" applyFont="1" applyFill="1" applyBorder="1" applyAlignment="1">
      <alignment horizontal="center" vertical="center"/>
    </xf>
    <xf numFmtId="0" fontId="1" fillId="2" borderId="4" xfId="0" applyFont="1" applyFill="1" applyBorder="1" applyAlignment="1">
      <alignment horizontal="center" vertical="center"/>
    </xf>
    <xf numFmtId="0" fontId="2" fillId="2" borderId="23" xfId="0" applyFont="1" applyFill="1" applyBorder="1" applyAlignment="1">
      <alignment horizontal="center" vertical="center"/>
    </xf>
    <xf numFmtId="0" fontId="2" fillId="2" borderId="20" xfId="0" applyFont="1" applyFill="1" applyBorder="1" applyAlignment="1">
      <alignment horizontal="center" vertical="center"/>
    </xf>
    <xf numFmtId="0" fontId="2" fillId="2" borderId="21" xfId="0" applyFont="1" applyFill="1" applyBorder="1" applyAlignment="1">
      <alignment horizontal="center" vertical="center"/>
    </xf>
    <xf numFmtId="0" fontId="2" fillId="2" borderId="22" xfId="0" applyFont="1" applyFill="1" applyBorder="1" applyAlignment="1">
      <alignment horizontal="center" vertical="center"/>
    </xf>
    <xf numFmtId="0" fontId="0" fillId="0" borderId="15" xfId="0" applyBorder="1" applyAlignment="1">
      <alignment horizontal="center" vertical="center"/>
    </xf>
    <xf numFmtId="0" fontId="0" fillId="0" borderId="8" xfId="0" applyBorder="1" applyAlignment="1">
      <alignment horizontal="center" vertical="center"/>
    </xf>
    <xf numFmtId="0" fontId="0" fillId="0" borderId="11" xfId="0" applyBorder="1" applyAlignment="1">
      <alignment horizontal="center" vertical="center"/>
    </xf>
    <xf numFmtId="0" fontId="0" fillId="2" borderId="2" xfId="0" applyFill="1" applyBorder="1" applyAlignment="1">
      <alignment horizontal="center" vertical="center"/>
    </xf>
    <xf numFmtId="0" fontId="0" fillId="2" borderId="24" xfId="0" applyFill="1" applyBorder="1" applyAlignment="1">
      <alignment horizontal="center" vertical="center"/>
    </xf>
    <xf numFmtId="0" fontId="2" fillId="2" borderId="7" xfId="0" applyFont="1" applyFill="1" applyBorder="1" applyAlignment="1">
      <alignment horizontal="center" vertical="center"/>
    </xf>
    <xf numFmtId="0" fontId="2" fillId="2" borderId="9" xfId="0" applyFont="1" applyFill="1" applyBorder="1" applyAlignment="1">
      <alignment horizontal="center" vertical="center"/>
    </xf>
    <xf numFmtId="0" fontId="3" fillId="5" borderId="5" xfId="0" applyFont="1" applyFill="1" applyBorder="1" applyAlignment="1">
      <alignment horizontal="center" vertical="center"/>
    </xf>
    <xf numFmtId="0" fontId="3" fillId="5" borderId="6" xfId="0" applyFont="1" applyFill="1" applyBorder="1" applyAlignment="1">
      <alignment horizontal="center" vertical="center"/>
    </xf>
    <xf numFmtId="0" fontId="3" fillId="5" borderId="1" xfId="0" applyFont="1" applyFill="1" applyBorder="1" applyAlignment="1">
      <alignment horizontal="center" vertical="center"/>
    </xf>
    <xf numFmtId="0" fontId="3" fillId="5" borderId="8" xfId="0" applyFont="1" applyFill="1" applyBorder="1" applyAlignment="1">
      <alignment horizontal="center" vertical="center"/>
    </xf>
    <xf numFmtId="0" fontId="2" fillId="2" borderId="25" xfId="0" applyFont="1" applyFill="1" applyBorder="1" applyAlignment="1">
      <alignment horizontal="center" vertical="center"/>
    </xf>
    <xf numFmtId="0" fontId="0" fillId="0" borderId="0" xfId="0" applyAlignment="1">
      <alignment horizontal="center"/>
    </xf>
    <xf numFmtId="0" fontId="2" fillId="2" borderId="0" xfId="0" applyFont="1" applyFill="1" applyBorder="1" applyAlignment="1">
      <alignment horizontal="center" vertical="center"/>
    </xf>
    <xf numFmtId="0" fontId="0" fillId="2" borderId="0" xfId="0" applyFill="1" applyBorder="1" applyAlignment="1">
      <alignment horizontal="center" vertical="center"/>
    </xf>
    <xf numFmtId="0" fontId="2" fillId="2" borderId="1" xfId="0" applyFont="1" applyFill="1" applyBorder="1" applyAlignment="1">
      <alignment horizontal="center" vertical="center"/>
    </xf>
    <xf numFmtId="0" fontId="0" fillId="5" borderId="0" xfId="0" applyFill="1" applyBorder="1" applyAlignment="1">
      <alignment horizontal="center" vertical="center"/>
    </xf>
    <xf numFmtId="0" fontId="0" fillId="5" borderId="0" xfId="0" applyFill="1" applyBorder="1" applyAlignment="1">
      <alignment vertical="center"/>
    </xf>
    <xf numFmtId="0" fontId="2" fillId="5" borderId="0" xfId="0" applyFont="1" applyFill="1" applyBorder="1" applyAlignment="1">
      <alignment horizontal="center" vertical="center"/>
    </xf>
    <xf numFmtId="0" fontId="0" fillId="5" borderId="26" xfId="0" applyFill="1" applyBorder="1" applyAlignment="1">
      <alignment horizontal="center" vertical="center"/>
    </xf>
    <xf numFmtId="0" fontId="2" fillId="5" borderId="26" xfId="0" applyFont="1" applyFill="1" applyBorder="1" applyAlignment="1">
      <alignment horizontal="center" vertical="center"/>
    </xf>
    <xf numFmtId="0" fontId="0" fillId="0" borderId="26" xfId="0" applyBorder="1" applyAlignment="1">
      <alignment horizontal="center" vertical="center"/>
    </xf>
    <xf numFmtId="0" fontId="0" fillId="0" borderId="26" xfId="0" applyBorder="1" applyAlignment="1">
      <alignment vertical="center"/>
    </xf>
    <xf numFmtId="0" fontId="5" fillId="6" borderId="2" xfId="0" applyFont="1" applyFill="1" applyBorder="1" applyAlignment="1">
      <alignment horizontal="center" vertical="center" wrapText="1"/>
    </xf>
    <xf numFmtId="0" fontId="5" fillId="6" borderId="27" xfId="0" applyFont="1" applyFill="1" applyBorder="1" applyAlignment="1">
      <alignment horizontal="center" vertical="center" wrapText="1"/>
    </xf>
    <xf numFmtId="0" fontId="4" fillId="0" borderId="24" xfId="0" applyFont="1" applyBorder="1" applyAlignment="1">
      <alignment horizontal="center" vertical="center" wrapText="1"/>
    </xf>
    <xf numFmtId="0" fontId="4" fillId="0" borderId="28" xfId="0" applyFont="1" applyBorder="1" applyAlignment="1">
      <alignment horizontal="center" vertical="center" wrapText="1"/>
    </xf>
    <xf numFmtId="0" fontId="2" fillId="2" borderId="3" xfId="0" applyFont="1" applyFill="1" applyBorder="1" applyAlignment="1">
      <alignment horizontal="left" vertical="center"/>
    </xf>
    <xf numFmtId="0" fontId="2" fillId="2" borderId="12" xfId="0" applyFont="1" applyFill="1" applyBorder="1" applyAlignment="1">
      <alignment horizontal="left" vertical="center"/>
    </xf>
    <xf numFmtId="0" fontId="2" fillId="2" borderId="4" xfId="0" applyFont="1" applyFill="1" applyBorder="1" applyAlignment="1">
      <alignment horizontal="left" vertical="center"/>
    </xf>
    <xf numFmtId="0" fontId="2" fillId="3" borderId="3" xfId="0" applyFont="1" applyFill="1" applyBorder="1" applyAlignment="1">
      <alignment horizontal="center" vertical="center"/>
    </xf>
    <xf numFmtId="0" fontId="2" fillId="3" borderId="12" xfId="0" applyFont="1" applyFill="1" applyBorder="1" applyAlignment="1">
      <alignment horizontal="center" vertical="center"/>
    </xf>
    <xf numFmtId="0" fontId="2" fillId="3" borderId="4" xfId="0" applyFont="1" applyFill="1" applyBorder="1" applyAlignment="1">
      <alignment horizontal="center" vertical="center"/>
    </xf>
    <xf numFmtId="0" fontId="2" fillId="4" borderId="3" xfId="0" applyFont="1" applyFill="1" applyBorder="1" applyAlignment="1">
      <alignment horizontal="center" vertical="center"/>
    </xf>
    <xf numFmtId="0" fontId="2" fillId="4" borderId="12" xfId="0" applyFont="1" applyFill="1" applyBorder="1" applyAlignment="1">
      <alignment horizontal="center" vertical="center"/>
    </xf>
    <xf numFmtId="0" fontId="2" fillId="4" borderId="4" xfId="0" applyFont="1" applyFill="1" applyBorder="1" applyAlignment="1">
      <alignment horizontal="center" vertical="center"/>
    </xf>
    <xf numFmtId="0" fontId="2" fillId="5" borderId="26" xfId="0" applyFont="1" applyFill="1" applyBorder="1" applyAlignment="1">
      <alignment vertical="center"/>
    </xf>
  </cellXfs>
  <cellStyles count="1">
    <cellStyle name="Normal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worksheet" Target="worksheets/sheet8.xml"/><Relationship Id="rId13" Type="http://schemas.openxmlformats.org/officeDocument/2006/relationships/worksheet" Target="worksheets/sheet13.xml"/><Relationship Id="rId18" Type="http://schemas.openxmlformats.org/officeDocument/2006/relationships/customXml" Target="../customXml/item1.xml"/><Relationship Id="rId3" Type="http://schemas.openxmlformats.org/officeDocument/2006/relationships/worksheet" Target="worksheets/sheet3.xml"/><Relationship Id="rId7" Type="http://schemas.openxmlformats.org/officeDocument/2006/relationships/worksheet" Target="worksheets/sheet7.xml"/><Relationship Id="rId12" Type="http://schemas.openxmlformats.org/officeDocument/2006/relationships/worksheet" Target="worksheets/sheet12.xml"/><Relationship Id="rId17" Type="http://schemas.openxmlformats.org/officeDocument/2006/relationships/calcChain" Target="calcChain.xml"/><Relationship Id="rId2" Type="http://schemas.openxmlformats.org/officeDocument/2006/relationships/worksheet" Target="worksheets/sheet2.xml"/><Relationship Id="rId16" Type="http://schemas.openxmlformats.org/officeDocument/2006/relationships/sharedStrings" Target="sharedStrings.xml"/><Relationship Id="rId20" Type="http://schemas.openxmlformats.org/officeDocument/2006/relationships/customXml" Target="../customXml/item3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worksheet" Target="worksheets/sheet11.xml"/><Relationship Id="rId5" Type="http://schemas.openxmlformats.org/officeDocument/2006/relationships/worksheet" Target="worksheets/sheet5.xml"/><Relationship Id="rId15" Type="http://schemas.openxmlformats.org/officeDocument/2006/relationships/styles" Target="styles.xml"/><Relationship Id="rId10" Type="http://schemas.openxmlformats.org/officeDocument/2006/relationships/worksheet" Target="worksheets/sheet10.xml"/><Relationship Id="rId19" Type="http://schemas.openxmlformats.org/officeDocument/2006/relationships/customXml" Target="../customXml/item2.xml"/><Relationship Id="rId4" Type="http://schemas.openxmlformats.org/officeDocument/2006/relationships/worksheet" Target="worksheets/sheet4.xml"/><Relationship Id="rId9" Type="http://schemas.openxmlformats.org/officeDocument/2006/relationships/worksheet" Target="worksheets/sheet9.xml"/><Relationship Id="rId14" Type="http://schemas.openxmlformats.org/officeDocument/2006/relationships/theme" Target="theme/theme1.xml"/></Relationships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1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1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_rels/sheet1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>
    <pageSetUpPr fitToPage="1"/>
  </sheetPr>
  <dimension ref="A1:C51"/>
  <sheetViews>
    <sheetView zoomScaleNormal="100" workbookViewId="0">
      <selection sqref="A1:C1"/>
    </sheetView>
  </sheetViews>
  <sheetFormatPr defaultColWidth="9.08984375" defaultRowHeight="24" customHeight="1" x14ac:dyDescent="0.35"/>
  <cols>
    <col min="1" max="1" width="34.26953125" style="1" customWidth="1"/>
    <col min="2" max="2" width="47.26953125" style="1" customWidth="1"/>
    <col min="3" max="3" width="15.6328125" style="1" customWidth="1"/>
    <col min="4" max="16384" width="9.08984375" style="1"/>
  </cols>
  <sheetData>
    <row r="1" spans="1:3" ht="24" customHeight="1" thickBot="1" x14ac:dyDescent="0.4">
      <c r="A1" s="52" t="s">
        <v>30</v>
      </c>
      <c r="B1" s="53"/>
      <c r="C1" s="54"/>
    </row>
    <row r="2" spans="1:3" ht="24" customHeight="1" thickBot="1" x14ac:dyDescent="0.4">
      <c r="A2" s="11" t="s">
        <v>0</v>
      </c>
      <c r="B2" s="12" t="s">
        <v>1</v>
      </c>
      <c r="C2" s="13" t="s">
        <v>2</v>
      </c>
    </row>
    <row r="3" spans="1:3" ht="24" customHeight="1" x14ac:dyDescent="0.35">
      <c r="A3" s="14"/>
      <c r="B3" s="3"/>
      <c r="C3" s="25"/>
    </row>
    <row r="4" spans="1:3" ht="24" customHeight="1" x14ac:dyDescent="0.35">
      <c r="A4" s="15"/>
      <c r="B4" s="5"/>
      <c r="C4" s="26"/>
    </row>
    <row r="5" spans="1:3" ht="24" customHeight="1" x14ac:dyDescent="0.35">
      <c r="A5" s="15"/>
      <c r="B5" s="5"/>
      <c r="C5" s="26"/>
    </row>
    <row r="6" spans="1:3" ht="24" customHeight="1" x14ac:dyDescent="0.35">
      <c r="A6" s="15"/>
      <c r="B6" s="5"/>
      <c r="C6" s="26"/>
    </row>
    <row r="7" spans="1:3" ht="24" customHeight="1" x14ac:dyDescent="0.35">
      <c r="A7" s="15"/>
      <c r="B7" s="5"/>
      <c r="C7" s="26"/>
    </row>
    <row r="8" spans="1:3" ht="24" customHeight="1" x14ac:dyDescent="0.35">
      <c r="A8" s="15"/>
      <c r="B8" s="5"/>
      <c r="C8" s="26"/>
    </row>
    <row r="9" spans="1:3" ht="24" customHeight="1" x14ac:dyDescent="0.35">
      <c r="A9" s="15"/>
      <c r="B9" s="5"/>
      <c r="C9" s="6"/>
    </row>
    <row r="10" spans="1:3" ht="24" customHeight="1" x14ac:dyDescent="0.35">
      <c r="A10" s="15"/>
      <c r="B10" s="5"/>
      <c r="C10" s="6"/>
    </row>
    <row r="11" spans="1:3" ht="24" customHeight="1" x14ac:dyDescent="0.35">
      <c r="A11" s="15"/>
      <c r="B11" s="5"/>
      <c r="C11" s="6"/>
    </row>
    <row r="12" spans="1:3" ht="24" customHeight="1" x14ac:dyDescent="0.35">
      <c r="A12" s="15"/>
      <c r="B12" s="5"/>
      <c r="C12" s="6"/>
    </row>
    <row r="13" spans="1:3" ht="24" customHeight="1" x14ac:dyDescent="0.35">
      <c r="A13" s="15"/>
      <c r="B13" s="5"/>
      <c r="C13" s="6"/>
    </row>
    <row r="14" spans="1:3" ht="24" customHeight="1" x14ac:dyDescent="0.35">
      <c r="A14" s="15"/>
      <c r="B14" s="5"/>
      <c r="C14" s="6"/>
    </row>
    <row r="15" spans="1:3" ht="24" customHeight="1" x14ac:dyDescent="0.35">
      <c r="A15" s="15"/>
      <c r="B15" s="5"/>
      <c r="C15" s="6"/>
    </row>
    <row r="16" spans="1:3" ht="24" customHeight="1" x14ac:dyDescent="0.35">
      <c r="A16" s="15"/>
      <c r="B16" s="5"/>
      <c r="C16" s="6"/>
    </row>
    <row r="17" spans="1:3" ht="24" customHeight="1" x14ac:dyDescent="0.35">
      <c r="A17" s="15"/>
      <c r="B17" s="5"/>
      <c r="C17" s="6"/>
    </row>
    <row r="18" spans="1:3" ht="24" customHeight="1" x14ac:dyDescent="0.35">
      <c r="A18" s="15"/>
      <c r="B18" s="5"/>
      <c r="C18" s="6"/>
    </row>
    <row r="19" spans="1:3" ht="24" customHeight="1" x14ac:dyDescent="0.35">
      <c r="A19" s="15"/>
      <c r="B19" s="5"/>
      <c r="C19" s="6"/>
    </row>
    <row r="20" spans="1:3" ht="24" customHeight="1" x14ac:dyDescent="0.35">
      <c r="A20" s="15"/>
      <c r="B20" s="5"/>
      <c r="C20" s="6"/>
    </row>
    <row r="21" spans="1:3" ht="24" customHeight="1" x14ac:dyDescent="0.35">
      <c r="A21" s="15"/>
      <c r="B21" s="5"/>
      <c r="C21" s="6"/>
    </row>
    <row r="22" spans="1:3" ht="24" customHeight="1" x14ac:dyDescent="0.35">
      <c r="A22" s="15"/>
      <c r="B22" s="5"/>
      <c r="C22" s="6"/>
    </row>
    <row r="23" spans="1:3" ht="24" customHeight="1" x14ac:dyDescent="0.35">
      <c r="A23" s="15"/>
      <c r="B23" s="5"/>
      <c r="C23" s="6"/>
    </row>
    <row r="24" spans="1:3" ht="24" customHeight="1" x14ac:dyDescent="0.35">
      <c r="A24" s="15"/>
      <c r="B24" s="5"/>
      <c r="C24" s="6"/>
    </row>
    <row r="25" spans="1:3" ht="24" customHeight="1" x14ac:dyDescent="0.35">
      <c r="A25" s="15"/>
      <c r="B25" s="5"/>
      <c r="C25" s="6"/>
    </row>
    <row r="26" spans="1:3" ht="24" customHeight="1" x14ac:dyDescent="0.35">
      <c r="A26" s="15"/>
      <c r="B26" s="5"/>
      <c r="C26" s="6"/>
    </row>
    <row r="27" spans="1:3" ht="24" customHeight="1" x14ac:dyDescent="0.35">
      <c r="A27" s="15"/>
      <c r="B27" s="5"/>
      <c r="C27" s="6"/>
    </row>
    <row r="28" spans="1:3" ht="24" customHeight="1" x14ac:dyDescent="0.35">
      <c r="A28" s="15"/>
      <c r="B28" s="5"/>
      <c r="C28" s="6"/>
    </row>
    <row r="29" spans="1:3" ht="24" customHeight="1" x14ac:dyDescent="0.35">
      <c r="A29" s="15"/>
      <c r="B29" s="5"/>
      <c r="C29" s="6"/>
    </row>
    <row r="30" spans="1:3" ht="24" customHeight="1" x14ac:dyDescent="0.35">
      <c r="A30" s="15"/>
      <c r="B30" s="5"/>
      <c r="C30" s="6"/>
    </row>
    <row r="31" spans="1:3" ht="24" customHeight="1" x14ac:dyDescent="0.35">
      <c r="A31" s="15"/>
      <c r="B31" s="5"/>
      <c r="C31" s="6"/>
    </row>
    <row r="32" spans="1:3" ht="24" customHeight="1" x14ac:dyDescent="0.35">
      <c r="A32" s="15"/>
      <c r="B32" s="5"/>
      <c r="C32" s="6"/>
    </row>
    <row r="33" spans="1:3" ht="24" customHeight="1" x14ac:dyDescent="0.35">
      <c r="A33" s="15"/>
      <c r="B33" s="5"/>
      <c r="C33" s="6"/>
    </row>
    <row r="34" spans="1:3" ht="24" customHeight="1" x14ac:dyDescent="0.35">
      <c r="A34" s="15"/>
      <c r="B34" s="5"/>
      <c r="C34" s="6"/>
    </row>
    <row r="35" spans="1:3" ht="24" customHeight="1" x14ac:dyDescent="0.35">
      <c r="A35" s="15"/>
      <c r="B35" s="5"/>
      <c r="C35" s="6"/>
    </row>
    <row r="36" spans="1:3" ht="24" customHeight="1" x14ac:dyDescent="0.35">
      <c r="A36" s="15"/>
      <c r="B36" s="5"/>
      <c r="C36" s="6"/>
    </row>
    <row r="37" spans="1:3" ht="24" customHeight="1" x14ac:dyDescent="0.35">
      <c r="A37" s="15"/>
      <c r="B37" s="5"/>
      <c r="C37" s="6"/>
    </row>
    <row r="38" spans="1:3" ht="24" customHeight="1" x14ac:dyDescent="0.35">
      <c r="A38" s="15"/>
      <c r="B38" s="5"/>
      <c r="C38" s="6"/>
    </row>
    <row r="39" spans="1:3" ht="24" customHeight="1" x14ac:dyDescent="0.35">
      <c r="A39" s="15"/>
      <c r="B39" s="5"/>
      <c r="C39" s="6"/>
    </row>
    <row r="40" spans="1:3" ht="24" customHeight="1" x14ac:dyDescent="0.35">
      <c r="A40" s="15"/>
      <c r="B40" s="5"/>
      <c r="C40" s="6"/>
    </row>
    <row r="41" spans="1:3" ht="24" customHeight="1" x14ac:dyDescent="0.35">
      <c r="A41" s="15"/>
      <c r="B41" s="5"/>
      <c r="C41" s="6"/>
    </row>
    <row r="42" spans="1:3" ht="24" customHeight="1" x14ac:dyDescent="0.35">
      <c r="A42" s="15"/>
      <c r="B42" s="5"/>
      <c r="C42" s="6"/>
    </row>
    <row r="43" spans="1:3" ht="24" customHeight="1" x14ac:dyDescent="0.35">
      <c r="A43" s="15"/>
      <c r="B43" s="5"/>
      <c r="C43" s="6"/>
    </row>
    <row r="44" spans="1:3" ht="24" customHeight="1" x14ac:dyDescent="0.35">
      <c r="A44" s="15"/>
      <c r="B44" s="5"/>
      <c r="C44" s="6"/>
    </row>
    <row r="45" spans="1:3" ht="24" customHeight="1" x14ac:dyDescent="0.35">
      <c r="A45" s="15"/>
      <c r="B45" s="5"/>
      <c r="C45" s="6"/>
    </row>
    <row r="46" spans="1:3" ht="24" customHeight="1" x14ac:dyDescent="0.35">
      <c r="A46" s="15"/>
      <c r="B46" s="5"/>
      <c r="C46" s="6"/>
    </row>
    <row r="47" spans="1:3" ht="24" customHeight="1" x14ac:dyDescent="0.35">
      <c r="A47" s="15"/>
      <c r="B47" s="5"/>
      <c r="C47" s="6"/>
    </row>
    <row r="48" spans="1:3" ht="24" customHeight="1" x14ac:dyDescent="0.35">
      <c r="A48" s="15"/>
      <c r="B48" s="5"/>
      <c r="C48" s="6"/>
    </row>
    <row r="49" spans="1:3" ht="24" customHeight="1" x14ac:dyDescent="0.35">
      <c r="A49" s="15"/>
      <c r="B49" s="5"/>
      <c r="C49" s="6"/>
    </row>
    <row r="50" spans="1:3" ht="24" customHeight="1" x14ac:dyDescent="0.35">
      <c r="A50" s="15"/>
      <c r="B50" s="5"/>
      <c r="C50" s="6"/>
    </row>
    <row r="51" spans="1:3" ht="24" customHeight="1" thickBot="1" x14ac:dyDescent="0.4">
      <c r="A51" s="16"/>
      <c r="B51" s="8"/>
      <c r="C51" s="9"/>
    </row>
  </sheetData>
  <mergeCells count="1">
    <mergeCell ref="A1:C1"/>
  </mergeCells>
  <pageMargins left="0.39370078740157483" right="0.31496062992125984" top="0.74803149606299213" bottom="0.51181102362204722" header="0.31496062992125984" footer="0.23622047244094491"/>
  <pageSetup paperSize="9" scale="99" fitToHeight="6" orientation="portrait" r:id="rId1"/>
  <headerFooter>
    <oddHeader>&amp;F</oddHeader>
    <oddFooter>Page &amp;P of &amp;N</oddFooter>
  </headerFooter>
</worksheet>
</file>

<file path=xl/worksheets/sheet1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59E4D7A4-3042-4ABF-A380-806910671F62}">
  <sheetPr>
    <tabColor rgb="FF00B050"/>
  </sheetPr>
  <dimension ref="A1:D37"/>
  <sheetViews>
    <sheetView topLeftCell="A25" workbookViewId="0">
      <selection activeCell="D37" sqref="D37"/>
    </sheetView>
  </sheetViews>
  <sheetFormatPr defaultRowHeight="14.5" x14ac:dyDescent="0.35"/>
  <cols>
    <col min="1" max="1" width="7.90625" bestFit="1" customWidth="1"/>
    <col min="2" max="2" width="25.36328125" customWidth="1"/>
    <col min="3" max="3" width="29.26953125" customWidth="1"/>
    <col min="4" max="4" width="10.453125" customWidth="1"/>
  </cols>
  <sheetData>
    <row r="1" spans="1:4" ht="19" thickBot="1" x14ac:dyDescent="0.4">
      <c r="A1" s="55" t="s">
        <v>37</v>
      </c>
      <c r="B1" s="56"/>
      <c r="C1" s="56"/>
      <c r="D1" s="57"/>
    </row>
    <row r="2" spans="1:4" ht="19" thickBot="1" x14ac:dyDescent="0.4">
      <c r="A2" s="58" t="s">
        <v>53</v>
      </c>
      <c r="B2" s="59"/>
      <c r="C2" s="59"/>
      <c r="D2" s="60"/>
    </row>
    <row r="3" spans="1:4" ht="16" thickBot="1" x14ac:dyDescent="0.4">
      <c r="A3" s="17" t="s">
        <v>3</v>
      </c>
      <c r="B3" s="18" t="s">
        <v>0</v>
      </c>
      <c r="C3" s="19" t="s">
        <v>1</v>
      </c>
      <c r="D3" s="20" t="s">
        <v>2</v>
      </c>
    </row>
    <row r="4" spans="1:4" ht="18.5" x14ac:dyDescent="0.35">
      <c r="A4" s="22">
        <v>1</v>
      </c>
      <c r="B4" s="2"/>
      <c r="C4" s="3"/>
      <c r="D4" s="25">
        <v>0</v>
      </c>
    </row>
    <row r="5" spans="1:4" ht="18.5" x14ac:dyDescent="0.35">
      <c r="A5" s="23">
        <v>2</v>
      </c>
      <c r="B5" s="4"/>
      <c r="C5" s="5"/>
      <c r="D5" s="26">
        <v>0</v>
      </c>
    </row>
    <row r="6" spans="1:4" ht="18.5" x14ac:dyDescent="0.35">
      <c r="A6" s="23">
        <v>3</v>
      </c>
      <c r="B6" s="4"/>
      <c r="C6" s="5"/>
      <c r="D6" s="26">
        <v>0</v>
      </c>
    </row>
    <row r="7" spans="1:4" ht="18.5" x14ac:dyDescent="0.35">
      <c r="A7" s="23">
        <v>4</v>
      </c>
      <c r="B7" s="4"/>
      <c r="C7" s="5"/>
      <c r="D7" s="26">
        <v>0</v>
      </c>
    </row>
    <row r="8" spans="1:4" ht="18.5" x14ac:dyDescent="0.35">
      <c r="A8" s="23">
        <v>5</v>
      </c>
      <c r="B8" s="4"/>
      <c r="C8" s="5"/>
      <c r="D8" s="26">
        <v>0</v>
      </c>
    </row>
    <row r="9" spans="1:4" ht="19" thickBot="1" x14ac:dyDescent="0.4">
      <c r="A9" s="24">
        <v>6</v>
      </c>
      <c r="B9" s="7"/>
      <c r="C9" s="8"/>
      <c r="D9" s="27">
        <v>0</v>
      </c>
    </row>
    <row r="10" spans="1:4" ht="19" thickBot="1" x14ac:dyDescent="0.4">
      <c r="A10" s="10"/>
      <c r="B10" s="1"/>
      <c r="C10" s="21" t="s">
        <v>4</v>
      </c>
      <c r="D10" s="28">
        <f>SUM(D4:D9)</f>
        <v>0</v>
      </c>
    </row>
    <row r="11" spans="1:4" ht="19" thickBot="1" x14ac:dyDescent="0.4">
      <c r="A11" s="10"/>
      <c r="B11" s="1"/>
      <c r="C11" s="21" t="s">
        <v>6</v>
      </c>
      <c r="D11" s="28"/>
    </row>
    <row r="12" spans="1:4" ht="18.5" x14ac:dyDescent="0.35">
      <c r="A12" s="10"/>
      <c r="B12" s="1"/>
      <c r="C12" s="38"/>
      <c r="D12" s="39"/>
    </row>
    <row r="13" spans="1:4" ht="15" thickBot="1" x14ac:dyDescent="0.4"/>
    <row r="14" spans="1:4" ht="19" thickBot="1" x14ac:dyDescent="0.4">
      <c r="A14" s="55" t="s">
        <v>38</v>
      </c>
      <c r="B14" s="56"/>
      <c r="C14" s="56"/>
      <c r="D14" s="57"/>
    </row>
    <row r="15" spans="1:4" ht="19" thickBot="1" x14ac:dyDescent="0.4">
      <c r="A15" s="58" t="s">
        <v>53</v>
      </c>
      <c r="B15" s="59"/>
      <c r="C15" s="59"/>
      <c r="D15" s="60"/>
    </row>
    <row r="16" spans="1:4" ht="16" thickBot="1" x14ac:dyDescent="0.4">
      <c r="A16" s="17" t="s">
        <v>3</v>
      </c>
      <c r="B16" s="18" t="s">
        <v>0</v>
      </c>
      <c r="C16" s="19" t="s">
        <v>1</v>
      </c>
      <c r="D16" s="20" t="s">
        <v>2</v>
      </c>
    </row>
    <row r="17" spans="1:4" ht="18.5" x14ac:dyDescent="0.35">
      <c r="A17" s="22">
        <v>1</v>
      </c>
      <c r="B17" s="2"/>
      <c r="C17" s="3"/>
      <c r="D17" s="25">
        <v>0</v>
      </c>
    </row>
    <row r="18" spans="1:4" ht="18.5" x14ac:dyDescent="0.35">
      <c r="A18" s="23">
        <v>2</v>
      </c>
      <c r="B18" s="4"/>
      <c r="C18" s="5"/>
      <c r="D18" s="26">
        <v>0</v>
      </c>
    </row>
    <row r="19" spans="1:4" ht="18.5" x14ac:dyDescent="0.35">
      <c r="A19" s="23">
        <v>3</v>
      </c>
      <c r="B19" s="4"/>
      <c r="C19" s="5"/>
      <c r="D19" s="26">
        <v>0</v>
      </c>
    </row>
    <row r="20" spans="1:4" ht="18.5" x14ac:dyDescent="0.35">
      <c r="A20" s="23">
        <v>4</v>
      </c>
      <c r="B20" s="4"/>
      <c r="C20" s="5"/>
      <c r="D20" s="26">
        <v>0</v>
      </c>
    </row>
    <row r="21" spans="1:4" ht="18.5" x14ac:dyDescent="0.35">
      <c r="A21" s="23">
        <v>5</v>
      </c>
      <c r="B21" s="4"/>
      <c r="C21" s="5"/>
      <c r="D21" s="26">
        <v>0</v>
      </c>
    </row>
    <row r="22" spans="1:4" ht="19" thickBot="1" x14ac:dyDescent="0.4">
      <c r="A22" s="24">
        <v>6</v>
      </c>
      <c r="B22" s="7"/>
      <c r="C22" s="8"/>
      <c r="D22" s="27">
        <v>0</v>
      </c>
    </row>
    <row r="23" spans="1:4" ht="19" thickBot="1" x14ac:dyDescent="0.4">
      <c r="A23" s="10"/>
      <c r="B23" s="1"/>
      <c r="C23" s="21" t="s">
        <v>4</v>
      </c>
      <c r="D23" s="28">
        <f>SUM(D17:D22)</f>
        <v>0</v>
      </c>
    </row>
    <row r="24" spans="1:4" ht="19" thickBot="1" x14ac:dyDescent="0.4">
      <c r="A24" s="10"/>
      <c r="B24" s="1"/>
      <c r="C24" s="21" t="s">
        <v>6</v>
      </c>
      <c r="D24" s="28"/>
    </row>
    <row r="25" spans="1:4" ht="18.5" x14ac:dyDescent="0.35">
      <c r="A25" s="10"/>
      <c r="B25" s="1"/>
      <c r="C25" s="38"/>
      <c r="D25" s="39"/>
    </row>
    <row r="26" spans="1:4" ht="15" thickBot="1" x14ac:dyDescent="0.4"/>
    <row r="27" spans="1:4" ht="19" thickBot="1" x14ac:dyDescent="0.4">
      <c r="A27" s="55" t="s">
        <v>39</v>
      </c>
      <c r="B27" s="56"/>
      <c r="C27" s="56"/>
      <c r="D27" s="57"/>
    </row>
    <row r="28" spans="1:4" ht="19" thickBot="1" x14ac:dyDescent="0.4">
      <c r="A28" s="58" t="s">
        <v>53</v>
      </c>
      <c r="B28" s="59"/>
      <c r="C28" s="59"/>
      <c r="D28" s="60"/>
    </row>
    <row r="29" spans="1:4" ht="16" thickBot="1" x14ac:dyDescent="0.4">
      <c r="A29" s="17" t="s">
        <v>3</v>
      </c>
      <c r="B29" s="18" t="s">
        <v>0</v>
      </c>
      <c r="C29" s="19" t="s">
        <v>1</v>
      </c>
      <c r="D29" s="20" t="s">
        <v>2</v>
      </c>
    </row>
    <row r="30" spans="1:4" ht="18.5" x14ac:dyDescent="0.35">
      <c r="A30" s="22">
        <v>1</v>
      </c>
      <c r="B30" s="2"/>
      <c r="C30" s="3"/>
      <c r="D30" s="25">
        <v>0</v>
      </c>
    </row>
    <row r="31" spans="1:4" ht="18.5" x14ac:dyDescent="0.35">
      <c r="A31" s="23">
        <v>2</v>
      </c>
      <c r="B31" s="4"/>
      <c r="C31" s="5"/>
      <c r="D31" s="26">
        <v>0</v>
      </c>
    </row>
    <row r="32" spans="1:4" ht="18.5" x14ac:dyDescent="0.35">
      <c r="A32" s="23">
        <v>3</v>
      </c>
      <c r="B32" s="4"/>
      <c r="C32" s="5"/>
      <c r="D32" s="26">
        <v>0</v>
      </c>
    </row>
    <row r="33" spans="1:4" ht="18.5" x14ac:dyDescent="0.35">
      <c r="A33" s="23">
        <v>4</v>
      </c>
      <c r="B33" s="4"/>
      <c r="C33" s="5"/>
      <c r="D33" s="26">
        <v>0</v>
      </c>
    </row>
    <row r="34" spans="1:4" ht="18.5" x14ac:dyDescent="0.35">
      <c r="A34" s="23">
        <v>5</v>
      </c>
      <c r="B34" s="4"/>
      <c r="C34" s="5"/>
      <c r="D34" s="26">
        <v>0</v>
      </c>
    </row>
    <row r="35" spans="1:4" ht="19" thickBot="1" x14ac:dyDescent="0.4">
      <c r="A35" s="24">
        <v>6</v>
      </c>
      <c r="B35" s="7"/>
      <c r="C35" s="8"/>
      <c r="D35" s="27">
        <v>0</v>
      </c>
    </row>
    <row r="36" spans="1:4" ht="19" thickBot="1" x14ac:dyDescent="0.4">
      <c r="A36" s="10"/>
      <c r="B36" s="1"/>
      <c r="C36" s="21" t="s">
        <v>4</v>
      </c>
      <c r="D36" s="28">
        <f>SUM(D30:D35)</f>
        <v>0</v>
      </c>
    </row>
    <row r="37" spans="1:4" ht="19" thickBot="1" x14ac:dyDescent="0.4">
      <c r="A37" s="10"/>
      <c r="B37" s="1"/>
      <c r="C37" s="21" t="s">
        <v>6</v>
      </c>
      <c r="D37" s="28"/>
    </row>
  </sheetData>
  <mergeCells count="6">
    <mergeCell ref="A28:D28"/>
    <mergeCell ref="A1:D1"/>
    <mergeCell ref="A2:D2"/>
    <mergeCell ref="A14:D14"/>
    <mergeCell ref="A15:D15"/>
    <mergeCell ref="A27:D27"/>
  </mergeCells>
  <pageMargins left="0.7" right="0.7" top="0.75" bottom="0.75" header="0.3" footer="0.3"/>
</worksheet>
</file>

<file path=xl/worksheets/sheet1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C00-000000000000}">
  <sheetPr>
    <tabColor rgb="FF00B050"/>
    <pageSetUpPr fitToPage="1"/>
  </sheetPr>
  <dimension ref="A1:D53"/>
  <sheetViews>
    <sheetView topLeftCell="A40" workbookViewId="0">
      <selection activeCell="C43" sqref="C43"/>
    </sheetView>
  </sheetViews>
  <sheetFormatPr defaultRowHeight="14.5" x14ac:dyDescent="0.35"/>
  <cols>
    <col min="1" max="1" width="8.6328125" bestFit="1" customWidth="1"/>
    <col min="2" max="2" width="35.36328125" customWidth="1"/>
    <col min="3" max="3" width="57.6328125" customWidth="1"/>
    <col min="4" max="4" width="17" customWidth="1"/>
  </cols>
  <sheetData>
    <row r="1" spans="1:4" ht="19" thickBot="1" x14ac:dyDescent="0.4">
      <c r="A1" s="55" t="s">
        <v>60</v>
      </c>
      <c r="B1" s="56"/>
      <c r="C1" s="56"/>
      <c r="D1" s="57"/>
    </row>
    <row r="2" spans="1:4" ht="19" thickBot="1" x14ac:dyDescent="0.4">
      <c r="A2" s="58" t="s">
        <v>5</v>
      </c>
      <c r="B2" s="59"/>
      <c r="C2" s="59"/>
      <c r="D2" s="60"/>
    </row>
    <row r="3" spans="1:4" ht="16" thickBot="1" x14ac:dyDescent="0.4">
      <c r="A3" s="17" t="s">
        <v>3</v>
      </c>
      <c r="B3" s="18" t="s">
        <v>0</v>
      </c>
      <c r="C3" s="19" t="s">
        <v>1</v>
      </c>
      <c r="D3" s="20" t="s">
        <v>2</v>
      </c>
    </row>
    <row r="4" spans="1:4" ht="18.5" x14ac:dyDescent="0.35">
      <c r="A4" s="36">
        <v>1</v>
      </c>
      <c r="B4" s="32"/>
      <c r="C4" s="32"/>
      <c r="D4" s="33">
        <v>0</v>
      </c>
    </row>
    <row r="5" spans="1:4" ht="18.5" x14ac:dyDescent="0.35">
      <c r="A5" s="30">
        <v>2</v>
      </c>
      <c r="B5" s="34"/>
      <c r="C5" s="34"/>
      <c r="D5" s="35">
        <v>0</v>
      </c>
    </row>
    <row r="6" spans="1:4" ht="18.5" x14ac:dyDescent="0.35">
      <c r="A6" s="30">
        <v>3</v>
      </c>
      <c r="B6" s="34"/>
      <c r="C6" s="34"/>
      <c r="D6" s="35">
        <v>0</v>
      </c>
    </row>
    <row r="7" spans="1:4" ht="18.5" x14ac:dyDescent="0.35">
      <c r="A7" s="30">
        <v>4</v>
      </c>
      <c r="B7" s="34"/>
      <c r="C7" s="34"/>
      <c r="D7" s="35">
        <v>0</v>
      </c>
    </row>
    <row r="8" spans="1:4" ht="18.5" x14ac:dyDescent="0.35">
      <c r="A8" s="30">
        <v>5</v>
      </c>
      <c r="B8" s="34"/>
      <c r="C8" s="34"/>
      <c r="D8" s="35">
        <v>0</v>
      </c>
    </row>
    <row r="9" spans="1:4" ht="18.5" x14ac:dyDescent="0.35">
      <c r="A9" s="30">
        <v>6</v>
      </c>
      <c r="B9" s="34"/>
      <c r="C9" s="34"/>
      <c r="D9" s="35">
        <v>0</v>
      </c>
    </row>
    <row r="10" spans="1:4" ht="18.5" x14ac:dyDescent="0.35">
      <c r="A10" s="30">
        <v>7</v>
      </c>
      <c r="B10" s="5"/>
      <c r="C10" s="5"/>
      <c r="D10" s="26">
        <v>0</v>
      </c>
    </row>
    <row r="11" spans="1:4" ht="18.5" x14ac:dyDescent="0.35">
      <c r="A11" s="30">
        <v>8</v>
      </c>
      <c r="B11" s="5"/>
      <c r="C11" s="5"/>
      <c r="D11" s="26">
        <v>0</v>
      </c>
    </row>
    <row r="12" spans="1:4" ht="18.5" x14ac:dyDescent="0.35">
      <c r="A12" s="30">
        <v>9</v>
      </c>
      <c r="B12" s="5"/>
      <c r="C12" s="5"/>
      <c r="D12" s="26">
        <v>0</v>
      </c>
    </row>
    <row r="13" spans="1:4" ht="18.5" x14ac:dyDescent="0.35">
      <c r="A13" s="30">
        <v>10</v>
      </c>
      <c r="B13" s="5"/>
      <c r="C13" s="5"/>
      <c r="D13" s="26">
        <v>0</v>
      </c>
    </row>
    <row r="14" spans="1:4" ht="18.5" x14ac:dyDescent="0.35">
      <c r="A14" s="30">
        <v>11</v>
      </c>
      <c r="B14" s="5"/>
      <c r="C14" s="5"/>
      <c r="D14" s="26">
        <v>0</v>
      </c>
    </row>
    <row r="15" spans="1:4" ht="19" thickBot="1" x14ac:dyDescent="0.4">
      <c r="A15" s="31">
        <v>12</v>
      </c>
      <c r="B15" s="8"/>
      <c r="C15" s="8"/>
      <c r="D15" s="27">
        <v>0</v>
      </c>
    </row>
    <row r="16" spans="1:4" ht="19" thickBot="1" x14ac:dyDescent="0.4">
      <c r="A16" s="10"/>
      <c r="B16" s="1"/>
      <c r="C16" s="21" t="s">
        <v>4</v>
      </c>
      <c r="D16" s="29">
        <v>350</v>
      </c>
    </row>
    <row r="17" spans="1:4" s="1" customFormat="1" ht="19" thickBot="1" x14ac:dyDescent="0.4">
      <c r="A17" s="10"/>
      <c r="C17" s="21" t="s">
        <v>6</v>
      </c>
      <c r="D17" s="28"/>
    </row>
    <row r="18" spans="1:4" ht="15" thickBot="1" x14ac:dyDescent="0.4"/>
    <row r="19" spans="1:4" ht="19" thickBot="1" x14ac:dyDescent="0.4">
      <c r="A19" s="55" t="s">
        <v>61</v>
      </c>
      <c r="B19" s="56"/>
      <c r="C19" s="56"/>
      <c r="D19" s="57"/>
    </row>
    <row r="20" spans="1:4" ht="19" thickBot="1" x14ac:dyDescent="0.4">
      <c r="A20" s="58" t="s">
        <v>5</v>
      </c>
      <c r="B20" s="59"/>
      <c r="C20" s="59"/>
      <c r="D20" s="60"/>
    </row>
    <row r="21" spans="1:4" ht="16" thickBot="1" x14ac:dyDescent="0.4">
      <c r="A21" s="17" t="s">
        <v>3</v>
      </c>
      <c r="B21" s="18" t="s">
        <v>0</v>
      </c>
      <c r="C21" s="19" t="s">
        <v>1</v>
      </c>
      <c r="D21" s="20" t="s">
        <v>2</v>
      </c>
    </row>
    <row r="22" spans="1:4" ht="18.5" x14ac:dyDescent="0.35">
      <c r="A22" s="36">
        <v>1</v>
      </c>
      <c r="B22" s="32"/>
      <c r="C22" s="32"/>
      <c r="D22" s="33">
        <v>0</v>
      </c>
    </row>
    <row r="23" spans="1:4" ht="18.5" x14ac:dyDescent="0.35">
      <c r="A23" s="30">
        <v>2</v>
      </c>
      <c r="B23" s="34"/>
      <c r="C23" s="34"/>
      <c r="D23" s="35">
        <v>0</v>
      </c>
    </row>
    <row r="24" spans="1:4" ht="18.5" x14ac:dyDescent="0.35">
      <c r="A24" s="30">
        <v>3</v>
      </c>
      <c r="B24" s="34"/>
      <c r="C24" s="34"/>
      <c r="D24" s="35">
        <v>0</v>
      </c>
    </row>
    <row r="25" spans="1:4" ht="18.5" x14ac:dyDescent="0.35">
      <c r="A25" s="30">
        <v>4</v>
      </c>
      <c r="B25" s="34"/>
      <c r="C25" s="34"/>
      <c r="D25" s="35">
        <v>0</v>
      </c>
    </row>
    <row r="26" spans="1:4" ht="18.5" x14ac:dyDescent="0.35">
      <c r="A26" s="30">
        <v>5</v>
      </c>
      <c r="B26" s="34"/>
      <c r="C26" s="34"/>
      <c r="D26" s="35">
        <v>0</v>
      </c>
    </row>
    <row r="27" spans="1:4" ht="18.5" x14ac:dyDescent="0.35">
      <c r="A27" s="30">
        <v>6</v>
      </c>
      <c r="B27" s="34"/>
      <c r="C27" s="34"/>
      <c r="D27" s="35">
        <v>0</v>
      </c>
    </row>
    <row r="28" spans="1:4" ht="18.5" x14ac:dyDescent="0.35">
      <c r="A28" s="30">
        <v>7</v>
      </c>
      <c r="B28" s="5"/>
      <c r="C28" s="5"/>
      <c r="D28" s="26">
        <v>0</v>
      </c>
    </row>
    <row r="29" spans="1:4" ht="18.5" x14ac:dyDescent="0.35">
      <c r="A29" s="30">
        <v>8</v>
      </c>
      <c r="B29" s="5"/>
      <c r="C29" s="5"/>
      <c r="D29" s="26">
        <v>0</v>
      </c>
    </row>
    <row r="30" spans="1:4" ht="18.5" x14ac:dyDescent="0.35">
      <c r="A30" s="30">
        <v>9</v>
      </c>
      <c r="B30" s="5"/>
      <c r="C30" s="5"/>
      <c r="D30" s="26">
        <v>0</v>
      </c>
    </row>
    <row r="31" spans="1:4" ht="18.5" x14ac:dyDescent="0.35">
      <c r="A31" s="30">
        <v>10</v>
      </c>
      <c r="B31" s="5"/>
      <c r="C31" s="5"/>
      <c r="D31" s="26">
        <v>0</v>
      </c>
    </row>
    <row r="32" spans="1:4" ht="18.5" x14ac:dyDescent="0.35">
      <c r="A32" s="30">
        <v>11</v>
      </c>
      <c r="B32" s="5"/>
      <c r="C32" s="5"/>
      <c r="D32" s="26">
        <v>0</v>
      </c>
    </row>
    <row r="33" spans="1:4" ht="19" thickBot="1" x14ac:dyDescent="0.4">
      <c r="A33" s="31">
        <v>12</v>
      </c>
      <c r="B33" s="8"/>
      <c r="C33" s="8"/>
      <c r="D33" s="27">
        <v>0</v>
      </c>
    </row>
    <row r="34" spans="1:4" ht="19" thickBot="1" x14ac:dyDescent="0.4">
      <c r="A34" s="10"/>
      <c r="B34" s="1"/>
      <c r="C34" s="21" t="s">
        <v>4</v>
      </c>
      <c r="D34" s="28">
        <f>SUM(D22:D33)</f>
        <v>0</v>
      </c>
    </row>
    <row r="35" spans="1:4" s="1" customFormat="1" ht="19" thickBot="1" x14ac:dyDescent="0.4">
      <c r="A35" s="10"/>
      <c r="C35" s="21" t="s">
        <v>6</v>
      </c>
      <c r="D35" s="28"/>
    </row>
    <row r="36" spans="1:4" ht="15" thickBot="1" x14ac:dyDescent="0.4"/>
    <row r="37" spans="1:4" ht="19" thickBot="1" x14ac:dyDescent="0.4">
      <c r="A37" s="55" t="s">
        <v>62</v>
      </c>
      <c r="B37" s="56"/>
      <c r="C37" s="56"/>
      <c r="D37" s="57"/>
    </row>
    <row r="38" spans="1:4" ht="19" thickBot="1" x14ac:dyDescent="0.4">
      <c r="A38" s="58" t="s">
        <v>5</v>
      </c>
      <c r="B38" s="59"/>
      <c r="C38" s="59"/>
      <c r="D38" s="60"/>
    </row>
    <row r="39" spans="1:4" ht="16" thickBot="1" x14ac:dyDescent="0.4">
      <c r="A39" s="17" t="s">
        <v>3</v>
      </c>
      <c r="B39" s="18" t="s">
        <v>0</v>
      </c>
      <c r="C39" s="19" t="s">
        <v>1</v>
      </c>
      <c r="D39" s="20" t="s">
        <v>2</v>
      </c>
    </row>
    <row r="40" spans="1:4" ht="18.5" x14ac:dyDescent="0.35">
      <c r="A40" s="36">
        <v>1</v>
      </c>
      <c r="B40" s="32"/>
      <c r="C40" s="32"/>
      <c r="D40" s="33">
        <v>0</v>
      </c>
    </row>
    <row r="41" spans="1:4" ht="18.5" x14ac:dyDescent="0.35">
      <c r="A41" s="30">
        <v>2</v>
      </c>
      <c r="B41" s="34"/>
      <c r="C41" s="34"/>
      <c r="D41" s="35">
        <v>0</v>
      </c>
    </row>
    <row r="42" spans="1:4" ht="18.5" x14ac:dyDescent="0.35">
      <c r="A42" s="30">
        <v>3</v>
      </c>
      <c r="B42" s="34"/>
      <c r="C42" s="34"/>
      <c r="D42" s="35">
        <v>0</v>
      </c>
    </row>
    <row r="43" spans="1:4" ht="18.5" x14ac:dyDescent="0.35">
      <c r="A43" s="30">
        <v>4</v>
      </c>
      <c r="B43" s="34"/>
      <c r="C43" s="34"/>
      <c r="D43" s="35">
        <v>0</v>
      </c>
    </row>
    <row r="44" spans="1:4" ht="18.5" x14ac:dyDescent="0.35">
      <c r="A44" s="30">
        <v>5</v>
      </c>
      <c r="B44" s="34"/>
      <c r="C44" s="34"/>
      <c r="D44" s="35">
        <v>0</v>
      </c>
    </row>
    <row r="45" spans="1:4" ht="18.5" x14ac:dyDescent="0.35">
      <c r="A45" s="30">
        <v>6</v>
      </c>
      <c r="B45" s="34"/>
      <c r="C45" s="34"/>
      <c r="D45" s="35">
        <v>0</v>
      </c>
    </row>
    <row r="46" spans="1:4" ht="18.5" x14ac:dyDescent="0.35">
      <c r="A46" s="30">
        <v>7</v>
      </c>
      <c r="B46" s="5"/>
      <c r="C46" s="5"/>
      <c r="D46" s="26">
        <v>0</v>
      </c>
    </row>
    <row r="47" spans="1:4" ht="18.5" x14ac:dyDescent="0.35">
      <c r="A47" s="30">
        <v>8</v>
      </c>
      <c r="B47" s="5"/>
      <c r="C47" s="5"/>
      <c r="D47" s="26">
        <v>0</v>
      </c>
    </row>
    <row r="48" spans="1:4" ht="18.5" x14ac:dyDescent="0.35">
      <c r="A48" s="30">
        <v>9</v>
      </c>
      <c r="B48" s="5"/>
      <c r="C48" s="5"/>
      <c r="D48" s="26">
        <v>0</v>
      </c>
    </row>
    <row r="49" spans="1:4" ht="18.5" x14ac:dyDescent="0.35">
      <c r="A49" s="30">
        <v>10</v>
      </c>
      <c r="B49" s="5"/>
      <c r="C49" s="5"/>
      <c r="D49" s="26">
        <v>0</v>
      </c>
    </row>
    <row r="50" spans="1:4" ht="18.5" x14ac:dyDescent="0.35">
      <c r="A50" s="30">
        <v>11</v>
      </c>
      <c r="B50" s="5"/>
      <c r="C50" s="5"/>
      <c r="D50" s="26">
        <v>0</v>
      </c>
    </row>
    <row r="51" spans="1:4" ht="19" thickBot="1" x14ac:dyDescent="0.4">
      <c r="A51" s="31">
        <v>12</v>
      </c>
      <c r="B51" s="8"/>
      <c r="C51" s="8"/>
      <c r="D51" s="27">
        <v>0</v>
      </c>
    </row>
    <row r="52" spans="1:4" ht="19" thickBot="1" x14ac:dyDescent="0.4">
      <c r="A52" s="10"/>
      <c r="B52" s="1"/>
      <c r="C52" s="21" t="s">
        <v>4</v>
      </c>
      <c r="D52" s="28">
        <f>SUM(D40:D51)</f>
        <v>0</v>
      </c>
    </row>
    <row r="53" spans="1:4" s="1" customFormat="1" ht="19" thickBot="1" x14ac:dyDescent="0.4">
      <c r="A53" s="10"/>
      <c r="C53" s="21" t="s">
        <v>6</v>
      </c>
      <c r="D53" s="28"/>
    </row>
  </sheetData>
  <mergeCells count="6">
    <mergeCell ref="A38:D38"/>
    <mergeCell ref="A1:D1"/>
    <mergeCell ref="A2:D2"/>
    <mergeCell ref="A19:D19"/>
    <mergeCell ref="A20:D20"/>
    <mergeCell ref="A37:D37"/>
  </mergeCells>
  <pageMargins left="0.51181102362204722" right="0.43307086614173229" top="0.6692913385826772" bottom="0.47244094488188981" header="0.31496062992125984" footer="0.15748031496062992"/>
  <pageSetup paperSize="9" scale="78" fitToHeight="3" orientation="portrait" r:id="rId1"/>
  <headerFooter>
    <oddHeader>&amp;F</oddHeader>
    <oddFooter>Page &amp;P of &amp;N</oddFooter>
  </headerFooter>
</worksheet>
</file>

<file path=xl/worksheets/sheet1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D00-000000000000}">
  <dimension ref="A1:D25"/>
  <sheetViews>
    <sheetView workbookViewId="0">
      <selection activeCell="I10" sqref="I10"/>
    </sheetView>
  </sheetViews>
  <sheetFormatPr defaultRowHeight="14.5" x14ac:dyDescent="0.35"/>
  <cols>
    <col min="3" max="3" width="8.81640625" style="37"/>
  </cols>
  <sheetData>
    <row r="1" spans="1:4" x14ac:dyDescent="0.35">
      <c r="A1" t="s">
        <v>7</v>
      </c>
      <c r="D1" t="s">
        <v>29</v>
      </c>
    </row>
    <row r="2" spans="1:4" x14ac:dyDescent="0.35">
      <c r="A2">
        <v>30</v>
      </c>
      <c r="B2">
        <v>39</v>
      </c>
      <c r="C2" s="37" t="s">
        <v>8</v>
      </c>
    </row>
    <row r="3" spans="1:4" x14ac:dyDescent="0.35">
      <c r="A3">
        <v>40</v>
      </c>
      <c r="B3">
        <v>49</v>
      </c>
      <c r="C3" s="37" t="s">
        <v>9</v>
      </c>
    </row>
    <row r="4" spans="1:4" x14ac:dyDescent="0.35">
      <c r="A4">
        <v>50</v>
      </c>
      <c r="B4">
        <v>59</v>
      </c>
      <c r="C4" s="37" t="s">
        <v>10</v>
      </c>
    </row>
    <row r="5" spans="1:4" x14ac:dyDescent="0.35">
      <c r="A5">
        <v>60</v>
      </c>
      <c r="B5">
        <v>100</v>
      </c>
      <c r="C5" s="37" t="s">
        <v>11</v>
      </c>
    </row>
    <row r="7" spans="1:4" x14ac:dyDescent="0.35">
      <c r="A7" t="s">
        <v>15</v>
      </c>
      <c r="D7" t="s">
        <v>28</v>
      </c>
    </row>
    <row r="8" spans="1:4" x14ac:dyDescent="0.35">
      <c r="A8">
        <v>180</v>
      </c>
      <c r="B8">
        <v>249</v>
      </c>
      <c r="C8" s="37" t="s">
        <v>12</v>
      </c>
    </row>
    <row r="9" spans="1:4" x14ac:dyDescent="0.35">
      <c r="A9">
        <v>250</v>
      </c>
      <c r="B9">
        <v>299</v>
      </c>
      <c r="C9" s="37" t="s">
        <v>13</v>
      </c>
    </row>
    <row r="10" spans="1:4" x14ac:dyDescent="0.35">
      <c r="A10">
        <v>300</v>
      </c>
      <c r="B10">
        <v>900</v>
      </c>
      <c r="C10" s="37" t="s">
        <v>14</v>
      </c>
    </row>
    <row r="12" spans="1:4" x14ac:dyDescent="0.35">
      <c r="A12" t="s">
        <v>16</v>
      </c>
      <c r="D12" t="s">
        <v>22</v>
      </c>
    </row>
    <row r="13" spans="1:4" x14ac:dyDescent="0.35">
      <c r="A13">
        <v>90</v>
      </c>
      <c r="B13">
        <v>119</v>
      </c>
      <c r="C13" s="37" t="s">
        <v>17</v>
      </c>
    </row>
    <row r="14" spans="1:4" x14ac:dyDescent="0.35">
      <c r="A14">
        <v>120</v>
      </c>
      <c r="B14">
        <v>149</v>
      </c>
      <c r="C14" s="37" t="s">
        <v>18</v>
      </c>
    </row>
    <row r="15" spans="1:4" x14ac:dyDescent="0.35">
      <c r="A15">
        <v>150</v>
      </c>
      <c r="B15">
        <v>900</v>
      </c>
      <c r="C15" s="37" t="s">
        <v>19</v>
      </c>
    </row>
    <row r="17" spans="1:4" x14ac:dyDescent="0.35">
      <c r="A17" t="s">
        <v>20</v>
      </c>
      <c r="D17" t="s">
        <v>21</v>
      </c>
    </row>
    <row r="18" spans="1:4" x14ac:dyDescent="0.35">
      <c r="A18">
        <v>180</v>
      </c>
      <c r="B18">
        <v>239</v>
      </c>
      <c r="C18" s="37" t="s">
        <v>12</v>
      </c>
    </row>
    <row r="19" spans="1:4" x14ac:dyDescent="0.35">
      <c r="A19">
        <v>240</v>
      </c>
      <c r="B19">
        <v>299</v>
      </c>
      <c r="C19" s="37" t="s">
        <v>13</v>
      </c>
    </row>
    <row r="20" spans="1:4" x14ac:dyDescent="0.35">
      <c r="A20">
        <v>300</v>
      </c>
      <c r="B20">
        <v>900</v>
      </c>
      <c r="C20" s="37" t="s">
        <v>14</v>
      </c>
    </row>
    <row r="22" spans="1:4" x14ac:dyDescent="0.35">
      <c r="A22" t="s">
        <v>23</v>
      </c>
      <c r="D22" t="s">
        <v>27</v>
      </c>
    </row>
    <row r="23" spans="1:4" x14ac:dyDescent="0.35">
      <c r="A23">
        <v>360</v>
      </c>
      <c r="B23">
        <v>499</v>
      </c>
      <c r="C23" s="37" t="s">
        <v>24</v>
      </c>
    </row>
    <row r="24" spans="1:4" x14ac:dyDescent="0.35">
      <c r="A24">
        <v>500</v>
      </c>
      <c r="B24">
        <v>599</v>
      </c>
      <c r="C24" s="37" t="s">
        <v>25</v>
      </c>
    </row>
    <row r="25" spans="1:4" x14ac:dyDescent="0.35">
      <c r="A25">
        <v>600</v>
      </c>
      <c r="B25">
        <v>2000</v>
      </c>
      <c r="C25" s="37" t="s">
        <v>26</v>
      </c>
    </row>
  </sheetData>
  <sheetProtection password="C8F4" sheet="1" objects="1" scenarios="1"/>
  <pageMargins left="0.7" right="0.7" top="0.75" bottom="0.75" header="0.3" footer="0.3"/>
  <pageSetup paperSize="9" orientation="portrait" horizontalDpi="4294967293" verticalDpi="4294967293" r:id="rId1"/>
</worksheet>
</file>

<file path=xl/worksheets/sheet1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84F97F9D-935B-43F7-8FD6-5A3F62FE6F0F}">
  <dimension ref="A1:E5"/>
  <sheetViews>
    <sheetView workbookViewId="0">
      <selection activeCell="D7" sqref="D7"/>
    </sheetView>
  </sheetViews>
  <sheetFormatPr defaultRowHeight="14.5" x14ac:dyDescent="0.35"/>
  <cols>
    <col min="1" max="1" width="13.81640625" customWidth="1"/>
    <col min="2" max="2" width="10.7265625" customWidth="1"/>
    <col min="3" max="3" width="13.36328125" customWidth="1"/>
    <col min="4" max="4" width="12" customWidth="1"/>
    <col min="5" max="5" width="17" customWidth="1"/>
  </cols>
  <sheetData>
    <row r="1" spans="1:5" ht="39.5" thickBot="1" x14ac:dyDescent="0.4">
      <c r="A1" s="48" t="s">
        <v>64</v>
      </c>
      <c r="B1" s="49" t="s">
        <v>65</v>
      </c>
      <c r="C1" s="49" t="s">
        <v>66</v>
      </c>
      <c r="D1" s="49" t="s">
        <v>67</v>
      </c>
      <c r="E1" s="49" t="s">
        <v>68</v>
      </c>
    </row>
    <row r="2" spans="1:5" ht="26.5" thickBot="1" x14ac:dyDescent="0.4">
      <c r="A2" s="50" t="s">
        <v>69</v>
      </c>
      <c r="B2" s="51" t="s">
        <v>24</v>
      </c>
      <c r="C2" s="51" t="s">
        <v>17</v>
      </c>
      <c r="D2" s="51" t="s">
        <v>70</v>
      </c>
      <c r="E2" s="51" t="s">
        <v>71</v>
      </c>
    </row>
    <row r="3" spans="1:5" ht="26.5" thickBot="1" x14ac:dyDescent="0.4">
      <c r="A3" s="50" t="s">
        <v>72</v>
      </c>
      <c r="B3" s="51" t="s">
        <v>25</v>
      </c>
      <c r="C3" s="51" t="s">
        <v>18</v>
      </c>
      <c r="D3" s="51" t="s">
        <v>73</v>
      </c>
      <c r="E3" s="51" t="s">
        <v>74</v>
      </c>
    </row>
    <row r="4" spans="1:5" ht="39.5" thickBot="1" x14ac:dyDescent="0.4">
      <c r="A4" s="50" t="s">
        <v>75</v>
      </c>
      <c r="B4" s="51" t="s">
        <v>26</v>
      </c>
      <c r="C4" s="51" t="s">
        <v>19</v>
      </c>
      <c r="D4" s="51" t="s">
        <v>14</v>
      </c>
      <c r="E4" s="51" t="s">
        <v>76</v>
      </c>
    </row>
    <row r="5" spans="1:5" ht="39.5" thickBot="1" x14ac:dyDescent="0.4">
      <c r="A5" s="50" t="s">
        <v>77</v>
      </c>
      <c r="B5" s="51"/>
      <c r="C5" s="51" t="s">
        <v>70</v>
      </c>
      <c r="D5" s="51" t="s">
        <v>77</v>
      </c>
      <c r="E5" s="51" t="s">
        <v>78</v>
      </c>
    </row>
  </sheetData>
  <pageMargins left="0.7" right="0.7" top="0.75" bottom="0.75" header="0.3" footer="0.3"/>
  <pageSetup orientation="portrait" r:id="rId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100-000000000000}">
  <sheetPr>
    <tabColor rgb="FFFFFF00"/>
    <pageSetUpPr fitToPage="1"/>
  </sheetPr>
  <dimension ref="A1:D15"/>
  <sheetViews>
    <sheetView tabSelected="1" zoomScale="85" zoomScaleNormal="85" workbookViewId="0">
      <selection activeCell="C5" sqref="C5"/>
    </sheetView>
  </sheetViews>
  <sheetFormatPr defaultColWidth="9.08984375" defaultRowHeight="23.25" customHeight="1" x14ac:dyDescent="0.35"/>
  <cols>
    <col min="1" max="1" width="7.453125" style="10" bestFit="1" customWidth="1"/>
    <col min="2" max="2" width="38.81640625" style="1" customWidth="1"/>
    <col min="3" max="3" width="47.08984375" style="1" customWidth="1"/>
    <col min="4" max="4" width="18.36328125" style="10" customWidth="1"/>
    <col min="5" max="16384" width="9.08984375" style="1"/>
  </cols>
  <sheetData>
    <row r="1" spans="1:4" ht="23.25" customHeight="1" thickBot="1" x14ac:dyDescent="0.4">
      <c r="A1" s="55" t="s">
        <v>31</v>
      </c>
      <c r="B1" s="56"/>
      <c r="C1" s="56"/>
      <c r="D1" s="57"/>
    </row>
    <row r="2" spans="1:4" s="42" customFormat="1" ht="23.15" customHeight="1" x14ac:dyDescent="0.35">
      <c r="A2" s="44"/>
      <c r="B2" s="61" t="s">
        <v>0</v>
      </c>
      <c r="C2" s="45" t="s">
        <v>1</v>
      </c>
      <c r="D2" s="45" t="s">
        <v>79</v>
      </c>
    </row>
    <row r="3" spans="1:4" ht="23.25" customHeight="1" x14ac:dyDescent="0.35">
      <c r="A3" s="46"/>
      <c r="B3" s="47"/>
      <c r="C3" s="47"/>
      <c r="D3" s="46"/>
    </row>
    <row r="4" spans="1:4" ht="23.25" customHeight="1" x14ac:dyDescent="0.35">
      <c r="A4" s="46"/>
      <c r="B4" s="47"/>
      <c r="C4" s="47"/>
      <c r="D4" s="46"/>
    </row>
    <row r="5" spans="1:4" ht="23.25" customHeight="1" x14ac:dyDescent="0.35">
      <c r="A5" s="46"/>
      <c r="B5" s="47"/>
      <c r="C5" s="47"/>
      <c r="D5" s="46"/>
    </row>
    <row r="6" spans="1:4" ht="23.25" customHeight="1" x14ac:dyDescent="0.35">
      <c r="A6" s="46"/>
      <c r="B6" s="47"/>
      <c r="C6" s="47"/>
      <c r="D6" s="46"/>
    </row>
    <row r="7" spans="1:4" ht="23.25" customHeight="1" x14ac:dyDescent="0.35">
      <c r="A7" s="46"/>
      <c r="B7" s="47"/>
      <c r="C7" s="47"/>
      <c r="D7" s="46"/>
    </row>
    <row r="8" spans="1:4" ht="23.25" customHeight="1" x14ac:dyDescent="0.35">
      <c r="A8" s="46"/>
      <c r="B8" s="47"/>
      <c r="C8" s="47"/>
      <c r="D8" s="46"/>
    </row>
    <row r="9" spans="1:4" ht="23.25" customHeight="1" x14ac:dyDescent="0.35">
      <c r="A9" s="46"/>
      <c r="B9" s="47"/>
      <c r="C9" s="47"/>
      <c r="D9" s="46"/>
    </row>
    <row r="10" spans="1:4" ht="23.25" customHeight="1" x14ac:dyDescent="0.35">
      <c r="A10" s="46"/>
      <c r="B10" s="47"/>
      <c r="C10" s="47"/>
      <c r="D10" s="46"/>
    </row>
    <row r="11" spans="1:4" ht="23.25" customHeight="1" x14ac:dyDescent="0.35">
      <c r="A11" s="46"/>
      <c r="B11" s="47"/>
      <c r="C11" s="47"/>
      <c r="D11" s="46"/>
    </row>
    <row r="12" spans="1:4" ht="23.25" customHeight="1" x14ac:dyDescent="0.35">
      <c r="A12" s="46"/>
      <c r="B12" s="47"/>
      <c r="C12" s="47"/>
      <c r="D12" s="46"/>
    </row>
    <row r="13" spans="1:4" ht="23.25" customHeight="1" x14ac:dyDescent="0.35">
      <c r="A13" s="46"/>
      <c r="B13" s="47"/>
      <c r="C13" s="47"/>
      <c r="D13" s="46"/>
    </row>
    <row r="14" spans="1:4" ht="23.25" customHeight="1" x14ac:dyDescent="0.35">
      <c r="A14" s="46"/>
      <c r="B14" s="47"/>
      <c r="C14" s="47"/>
      <c r="D14" s="46"/>
    </row>
    <row r="15" spans="1:4" ht="23.25" customHeight="1" x14ac:dyDescent="0.35">
      <c r="A15" s="46"/>
      <c r="B15" s="47"/>
      <c r="C15" s="47"/>
      <c r="D15" s="46"/>
    </row>
  </sheetData>
  <mergeCells count="1">
    <mergeCell ref="A1:D1"/>
  </mergeCells>
  <pageMargins left="0.70866141732283472" right="0.70866141732283472" top="0.75" bottom="0.6" header="0.37" footer="0.37"/>
  <pageSetup paperSize="9" scale="78" orientation="portrait" horizontalDpi="4294967293" verticalDpi="4294967293" r:id="rId1"/>
  <headerFooter>
    <oddHeader>&amp;F</oddHeader>
    <oddFooter>Page &amp;P of &amp;N</oddFooter>
  </headerFooter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200-000000000000}">
  <sheetPr>
    <tabColor rgb="FFFFFF00"/>
    <pageSetUpPr fitToPage="1"/>
  </sheetPr>
  <dimension ref="A1:D37"/>
  <sheetViews>
    <sheetView workbookViewId="0">
      <selection activeCell="D30" sqref="D30"/>
    </sheetView>
  </sheetViews>
  <sheetFormatPr defaultRowHeight="14.5" x14ac:dyDescent="0.35"/>
  <cols>
    <col min="1" max="1" width="7.90625" bestFit="1" customWidth="1"/>
    <col min="2" max="2" width="25.36328125" customWidth="1"/>
    <col min="3" max="3" width="29.26953125" customWidth="1"/>
    <col min="4" max="4" width="10.453125" customWidth="1"/>
  </cols>
  <sheetData>
    <row r="1" spans="1:4" ht="19" thickBot="1" x14ac:dyDescent="0.4">
      <c r="A1" s="55" t="s">
        <v>34</v>
      </c>
      <c r="B1" s="56"/>
      <c r="C1" s="56"/>
      <c r="D1" s="57"/>
    </row>
    <row r="2" spans="1:4" ht="19" thickBot="1" x14ac:dyDescent="0.4">
      <c r="A2" s="58" t="s">
        <v>33</v>
      </c>
      <c r="B2" s="59"/>
      <c r="C2" s="59"/>
      <c r="D2" s="60"/>
    </row>
    <row r="3" spans="1:4" ht="16" thickBot="1" x14ac:dyDescent="0.4">
      <c r="A3" s="17" t="s">
        <v>3</v>
      </c>
      <c r="B3" s="18" t="s">
        <v>0</v>
      </c>
      <c r="C3" s="19" t="s">
        <v>1</v>
      </c>
      <c r="D3" s="20" t="s">
        <v>2</v>
      </c>
    </row>
    <row r="4" spans="1:4" ht="18.5" x14ac:dyDescent="0.35">
      <c r="A4" s="22">
        <v>1</v>
      </c>
      <c r="B4" s="2"/>
      <c r="C4" s="3"/>
      <c r="D4" s="25">
        <v>0</v>
      </c>
    </row>
    <row r="5" spans="1:4" ht="18.5" x14ac:dyDescent="0.35">
      <c r="A5" s="23">
        <v>2</v>
      </c>
      <c r="B5" s="4"/>
      <c r="C5" s="5"/>
      <c r="D5" s="26">
        <v>0</v>
      </c>
    </row>
    <row r="6" spans="1:4" ht="18.5" x14ac:dyDescent="0.35">
      <c r="A6" s="23">
        <v>3</v>
      </c>
      <c r="B6" s="4"/>
      <c r="C6" s="5"/>
      <c r="D6" s="26">
        <v>0</v>
      </c>
    </row>
    <row r="7" spans="1:4" ht="18.5" x14ac:dyDescent="0.35">
      <c r="A7" s="23">
        <v>4</v>
      </c>
      <c r="B7" s="4"/>
      <c r="C7" s="5"/>
      <c r="D7" s="26">
        <v>0</v>
      </c>
    </row>
    <row r="8" spans="1:4" ht="18.5" x14ac:dyDescent="0.35">
      <c r="A8" s="23">
        <v>5</v>
      </c>
      <c r="B8" s="4"/>
      <c r="C8" s="5"/>
      <c r="D8" s="26">
        <v>0</v>
      </c>
    </row>
    <row r="9" spans="1:4" ht="19" thickBot="1" x14ac:dyDescent="0.4">
      <c r="A9" s="24">
        <v>6</v>
      </c>
      <c r="B9" s="7"/>
      <c r="C9" s="8"/>
      <c r="D9" s="27">
        <v>0</v>
      </c>
    </row>
    <row r="10" spans="1:4" ht="19" thickBot="1" x14ac:dyDescent="0.4">
      <c r="A10" s="10"/>
      <c r="B10" s="1"/>
      <c r="C10" s="21" t="s">
        <v>4</v>
      </c>
      <c r="D10" s="28">
        <f>SUM(D4:D9)</f>
        <v>0</v>
      </c>
    </row>
    <row r="11" spans="1:4" ht="19" thickBot="1" x14ac:dyDescent="0.4">
      <c r="A11" s="10"/>
      <c r="B11" s="1"/>
      <c r="C11" s="21" t="s">
        <v>6</v>
      </c>
      <c r="D11" s="28" t="e">
        <f>VLOOKUP(D10,LOOKUPS!$A$8:$C$10,3,TRUE)</f>
        <v>#N/A</v>
      </c>
    </row>
    <row r="12" spans="1:4" ht="18.5" x14ac:dyDescent="0.35">
      <c r="A12" s="10"/>
      <c r="B12" s="1"/>
      <c r="C12" s="38"/>
      <c r="D12" s="39"/>
    </row>
    <row r="13" spans="1:4" ht="15" thickBot="1" x14ac:dyDescent="0.4"/>
    <row r="14" spans="1:4" ht="19" thickBot="1" x14ac:dyDescent="0.4">
      <c r="A14" s="55" t="s">
        <v>35</v>
      </c>
      <c r="B14" s="56"/>
      <c r="C14" s="56"/>
      <c r="D14" s="57"/>
    </row>
    <row r="15" spans="1:4" ht="19" thickBot="1" x14ac:dyDescent="0.4">
      <c r="A15" s="58" t="s">
        <v>33</v>
      </c>
      <c r="B15" s="59"/>
      <c r="C15" s="59"/>
      <c r="D15" s="60"/>
    </row>
    <row r="16" spans="1:4" ht="16" thickBot="1" x14ac:dyDescent="0.4">
      <c r="A16" s="17" t="s">
        <v>3</v>
      </c>
      <c r="B16" s="18" t="s">
        <v>0</v>
      </c>
      <c r="C16" s="19" t="s">
        <v>1</v>
      </c>
      <c r="D16" s="20" t="s">
        <v>2</v>
      </c>
    </row>
    <row r="17" spans="1:4" ht="18.5" x14ac:dyDescent="0.35">
      <c r="A17" s="22">
        <v>1</v>
      </c>
      <c r="B17" s="2"/>
      <c r="C17" s="3"/>
      <c r="D17" s="25">
        <v>0</v>
      </c>
    </row>
    <row r="18" spans="1:4" ht="18.5" x14ac:dyDescent="0.35">
      <c r="A18" s="23">
        <v>2</v>
      </c>
      <c r="B18" s="4"/>
      <c r="C18" s="5"/>
      <c r="D18" s="26">
        <v>0</v>
      </c>
    </row>
    <row r="19" spans="1:4" ht="18.5" x14ac:dyDescent="0.35">
      <c r="A19" s="23">
        <v>3</v>
      </c>
      <c r="B19" s="4"/>
      <c r="C19" s="5"/>
      <c r="D19" s="26">
        <v>0</v>
      </c>
    </row>
    <row r="20" spans="1:4" ht="18.5" x14ac:dyDescent="0.35">
      <c r="A20" s="23">
        <v>4</v>
      </c>
      <c r="B20" s="4"/>
      <c r="C20" s="5"/>
      <c r="D20" s="26">
        <v>0</v>
      </c>
    </row>
    <row r="21" spans="1:4" ht="18.5" x14ac:dyDescent="0.35">
      <c r="A21" s="23">
        <v>5</v>
      </c>
      <c r="B21" s="4"/>
      <c r="C21" s="5"/>
      <c r="D21" s="26">
        <v>0</v>
      </c>
    </row>
    <row r="22" spans="1:4" ht="19" thickBot="1" x14ac:dyDescent="0.4">
      <c r="A22" s="24">
        <v>6</v>
      </c>
      <c r="B22" s="7"/>
      <c r="C22" s="8"/>
      <c r="D22" s="27">
        <v>0</v>
      </c>
    </row>
    <row r="23" spans="1:4" ht="19" thickBot="1" x14ac:dyDescent="0.4">
      <c r="A23" s="10"/>
      <c r="B23" s="1"/>
      <c r="C23" s="21" t="s">
        <v>4</v>
      </c>
      <c r="D23" s="28">
        <f>SUM(D17:D22)</f>
        <v>0</v>
      </c>
    </row>
    <row r="24" spans="1:4" ht="19" thickBot="1" x14ac:dyDescent="0.4">
      <c r="A24" s="10"/>
      <c r="B24" s="1"/>
      <c r="C24" s="21" t="s">
        <v>6</v>
      </c>
      <c r="D24" s="28"/>
    </row>
    <row r="25" spans="1:4" ht="18.5" x14ac:dyDescent="0.35">
      <c r="A25" s="10"/>
      <c r="B25" s="1"/>
      <c r="C25" s="38"/>
      <c r="D25" s="39"/>
    </row>
    <row r="26" spans="1:4" ht="15" thickBot="1" x14ac:dyDescent="0.4"/>
    <row r="27" spans="1:4" ht="19" thickBot="1" x14ac:dyDescent="0.4">
      <c r="A27" s="55" t="s">
        <v>36</v>
      </c>
      <c r="B27" s="56"/>
      <c r="C27" s="56"/>
      <c r="D27" s="57"/>
    </row>
    <row r="28" spans="1:4" ht="19" thickBot="1" x14ac:dyDescent="0.4">
      <c r="A28" s="58" t="s">
        <v>33</v>
      </c>
      <c r="B28" s="59"/>
      <c r="C28" s="59"/>
      <c r="D28" s="60"/>
    </row>
    <row r="29" spans="1:4" ht="16" thickBot="1" x14ac:dyDescent="0.4">
      <c r="A29" s="17" t="s">
        <v>3</v>
      </c>
      <c r="B29" s="18" t="s">
        <v>0</v>
      </c>
      <c r="C29" s="19" t="s">
        <v>1</v>
      </c>
      <c r="D29" s="20" t="s">
        <v>2</v>
      </c>
    </row>
    <row r="30" spans="1:4" ht="18.5" x14ac:dyDescent="0.35">
      <c r="A30" s="22">
        <v>1</v>
      </c>
      <c r="B30" s="2"/>
      <c r="C30" s="3"/>
      <c r="D30" s="25"/>
    </row>
    <row r="31" spans="1:4" ht="18.5" x14ac:dyDescent="0.35">
      <c r="A31" s="23">
        <v>2</v>
      </c>
      <c r="B31" s="4"/>
      <c r="C31" s="5"/>
      <c r="D31" s="26">
        <v>0</v>
      </c>
    </row>
    <row r="32" spans="1:4" ht="18.5" x14ac:dyDescent="0.35">
      <c r="A32" s="23">
        <v>3</v>
      </c>
      <c r="B32" s="4"/>
      <c r="C32" s="5"/>
      <c r="D32" s="26">
        <v>0</v>
      </c>
    </row>
    <row r="33" spans="1:4" ht="18.5" x14ac:dyDescent="0.35">
      <c r="A33" s="23">
        <v>4</v>
      </c>
      <c r="B33" s="4"/>
      <c r="C33" s="5"/>
      <c r="D33" s="26">
        <v>0</v>
      </c>
    </row>
    <row r="34" spans="1:4" ht="18.5" x14ac:dyDescent="0.35">
      <c r="A34" s="23">
        <v>5</v>
      </c>
      <c r="B34" s="4"/>
      <c r="C34" s="5"/>
      <c r="D34" s="26">
        <v>0</v>
      </c>
    </row>
    <row r="35" spans="1:4" ht="19" thickBot="1" x14ac:dyDescent="0.4">
      <c r="A35" s="24">
        <v>6</v>
      </c>
      <c r="B35" s="7"/>
      <c r="C35" s="8"/>
      <c r="D35" s="27">
        <v>0</v>
      </c>
    </row>
    <row r="36" spans="1:4" ht="19" thickBot="1" x14ac:dyDescent="0.4">
      <c r="A36" s="10"/>
      <c r="B36" s="1"/>
      <c r="C36" s="21" t="s">
        <v>4</v>
      </c>
      <c r="D36" s="28">
        <f>SUM(D30:D35)</f>
        <v>0</v>
      </c>
    </row>
    <row r="37" spans="1:4" ht="19" thickBot="1" x14ac:dyDescent="0.4">
      <c r="A37" s="10"/>
      <c r="B37" s="1"/>
      <c r="C37" s="21" t="s">
        <v>6</v>
      </c>
      <c r="D37" s="28"/>
    </row>
  </sheetData>
  <mergeCells count="6">
    <mergeCell ref="A27:D27"/>
    <mergeCell ref="A28:D28"/>
    <mergeCell ref="A1:D1"/>
    <mergeCell ref="A2:D2"/>
    <mergeCell ref="A14:D14"/>
    <mergeCell ref="A15:D15"/>
  </mergeCells>
  <pageMargins left="0.44" right="0.35" top="0.84" bottom="1.38" header="0.48" footer="0.36"/>
  <pageSetup paperSize="9" scale="84" fitToHeight="2" orientation="portrait" horizontalDpi="4294967293" verticalDpi="4294967293" r:id="rId1"/>
  <headerFooter>
    <oddHeader>&amp;F</oddHeader>
    <oddFooter>Page &amp;P of &amp;N</oddFooter>
  </headerFooter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28F1EEE6-CDE9-4BAC-B5B5-FCFEAA69E86C}">
  <sheetPr>
    <tabColor rgb="FFFFFF00"/>
  </sheetPr>
  <dimension ref="A1:D37"/>
  <sheetViews>
    <sheetView workbookViewId="0">
      <selection activeCell="D37" sqref="D37"/>
    </sheetView>
  </sheetViews>
  <sheetFormatPr defaultRowHeight="14.5" x14ac:dyDescent="0.35"/>
  <cols>
    <col min="1" max="1" width="7.90625" bestFit="1" customWidth="1"/>
    <col min="2" max="2" width="25.36328125" customWidth="1"/>
    <col min="3" max="3" width="29.26953125" customWidth="1"/>
    <col min="4" max="4" width="10.453125" customWidth="1"/>
  </cols>
  <sheetData>
    <row r="1" spans="1:4" ht="19" thickBot="1" x14ac:dyDescent="0.4">
      <c r="A1" s="55" t="s">
        <v>37</v>
      </c>
      <c r="B1" s="56"/>
      <c r="C1" s="56"/>
      <c r="D1" s="57"/>
    </row>
    <row r="2" spans="1:4" ht="19" thickBot="1" x14ac:dyDescent="0.4">
      <c r="A2" s="58" t="s">
        <v>40</v>
      </c>
      <c r="B2" s="59"/>
      <c r="C2" s="59"/>
      <c r="D2" s="60"/>
    </row>
    <row r="3" spans="1:4" ht="16" thickBot="1" x14ac:dyDescent="0.4">
      <c r="A3" s="17" t="s">
        <v>3</v>
      </c>
      <c r="B3" s="18" t="s">
        <v>0</v>
      </c>
      <c r="C3" s="19" t="s">
        <v>1</v>
      </c>
      <c r="D3" s="20" t="s">
        <v>2</v>
      </c>
    </row>
    <row r="4" spans="1:4" ht="18.5" x14ac:dyDescent="0.35">
      <c r="A4" s="22">
        <v>1</v>
      </c>
      <c r="B4" s="2"/>
      <c r="C4" s="3"/>
      <c r="D4" s="25">
        <v>0</v>
      </c>
    </row>
    <row r="5" spans="1:4" ht="18.5" x14ac:dyDescent="0.35">
      <c r="A5" s="23">
        <v>2</v>
      </c>
      <c r="B5" s="4"/>
      <c r="C5" s="5"/>
      <c r="D5" s="26">
        <v>0</v>
      </c>
    </row>
    <row r="6" spans="1:4" ht="18.5" x14ac:dyDescent="0.35">
      <c r="A6" s="23">
        <v>3</v>
      </c>
      <c r="B6" s="4"/>
      <c r="C6" s="5"/>
      <c r="D6" s="26">
        <v>0</v>
      </c>
    </row>
    <row r="7" spans="1:4" ht="18.5" x14ac:dyDescent="0.35">
      <c r="A7" s="23">
        <v>4</v>
      </c>
      <c r="B7" s="4"/>
      <c r="C7" s="5"/>
      <c r="D7" s="26">
        <v>0</v>
      </c>
    </row>
    <row r="8" spans="1:4" ht="18.5" x14ac:dyDescent="0.35">
      <c r="A8" s="23">
        <v>5</v>
      </c>
      <c r="B8" s="4"/>
      <c r="C8" s="5"/>
      <c r="D8" s="26">
        <v>0</v>
      </c>
    </row>
    <row r="9" spans="1:4" ht="19" thickBot="1" x14ac:dyDescent="0.4">
      <c r="A9" s="24">
        <v>6</v>
      </c>
      <c r="B9" s="7"/>
      <c r="C9" s="8"/>
      <c r="D9" s="27">
        <v>0</v>
      </c>
    </row>
    <row r="10" spans="1:4" ht="19" thickBot="1" x14ac:dyDescent="0.4">
      <c r="A10" s="10"/>
      <c r="B10" s="1"/>
      <c r="C10" s="21" t="s">
        <v>4</v>
      </c>
      <c r="D10" s="28">
        <f>SUM(D4:D9)</f>
        <v>0</v>
      </c>
    </row>
    <row r="11" spans="1:4" ht="19" thickBot="1" x14ac:dyDescent="0.4">
      <c r="A11" s="10"/>
      <c r="B11" s="1"/>
      <c r="C11" s="21" t="s">
        <v>6</v>
      </c>
      <c r="D11" s="28"/>
    </row>
    <row r="12" spans="1:4" ht="18.5" x14ac:dyDescent="0.35">
      <c r="A12" s="10"/>
      <c r="B12" s="1"/>
      <c r="C12" s="38"/>
      <c r="D12" s="39"/>
    </row>
    <row r="13" spans="1:4" ht="15" thickBot="1" x14ac:dyDescent="0.4"/>
    <row r="14" spans="1:4" ht="19" thickBot="1" x14ac:dyDescent="0.4">
      <c r="A14" s="55" t="s">
        <v>38</v>
      </c>
      <c r="B14" s="56"/>
      <c r="C14" s="56"/>
      <c r="D14" s="57"/>
    </row>
    <row r="15" spans="1:4" ht="19" thickBot="1" x14ac:dyDescent="0.4">
      <c r="A15" s="58" t="s">
        <v>40</v>
      </c>
      <c r="B15" s="59"/>
      <c r="C15" s="59"/>
      <c r="D15" s="60"/>
    </row>
    <row r="16" spans="1:4" ht="16" thickBot="1" x14ac:dyDescent="0.4">
      <c r="A16" s="17" t="s">
        <v>3</v>
      </c>
      <c r="B16" s="18" t="s">
        <v>0</v>
      </c>
      <c r="C16" s="19" t="s">
        <v>1</v>
      </c>
      <c r="D16" s="20" t="s">
        <v>2</v>
      </c>
    </row>
    <row r="17" spans="1:4" ht="18.5" x14ac:dyDescent="0.35">
      <c r="A17" s="22">
        <v>1</v>
      </c>
      <c r="B17" s="2"/>
      <c r="C17" s="3"/>
      <c r="D17" s="25">
        <v>0</v>
      </c>
    </row>
    <row r="18" spans="1:4" ht="18.5" x14ac:dyDescent="0.35">
      <c r="A18" s="23">
        <v>2</v>
      </c>
      <c r="B18" s="4"/>
      <c r="C18" s="5"/>
      <c r="D18" s="26">
        <v>0</v>
      </c>
    </row>
    <row r="19" spans="1:4" ht="18.5" x14ac:dyDescent="0.35">
      <c r="A19" s="23">
        <v>3</v>
      </c>
      <c r="B19" s="4"/>
      <c r="C19" s="5"/>
      <c r="D19" s="26">
        <v>0</v>
      </c>
    </row>
    <row r="20" spans="1:4" ht="18.5" x14ac:dyDescent="0.35">
      <c r="A20" s="23">
        <v>4</v>
      </c>
      <c r="B20" s="4"/>
      <c r="C20" s="5"/>
      <c r="D20" s="26">
        <v>0</v>
      </c>
    </row>
    <row r="21" spans="1:4" ht="18.5" x14ac:dyDescent="0.35">
      <c r="A21" s="23">
        <v>5</v>
      </c>
      <c r="B21" s="4"/>
      <c r="C21" s="5"/>
      <c r="D21" s="26">
        <v>0</v>
      </c>
    </row>
    <row r="22" spans="1:4" ht="19" thickBot="1" x14ac:dyDescent="0.4">
      <c r="A22" s="24">
        <v>6</v>
      </c>
      <c r="B22" s="7"/>
      <c r="C22" s="8"/>
      <c r="D22" s="27">
        <v>0</v>
      </c>
    </row>
    <row r="23" spans="1:4" ht="19" thickBot="1" x14ac:dyDescent="0.4">
      <c r="A23" s="10"/>
      <c r="B23" s="1"/>
      <c r="C23" s="21" t="s">
        <v>4</v>
      </c>
      <c r="D23" s="28">
        <f>SUM(D17:D22)</f>
        <v>0</v>
      </c>
    </row>
    <row r="24" spans="1:4" ht="19" thickBot="1" x14ac:dyDescent="0.4">
      <c r="A24" s="10"/>
      <c r="B24" s="1"/>
      <c r="C24" s="21" t="s">
        <v>6</v>
      </c>
      <c r="D24" s="28"/>
    </row>
    <row r="25" spans="1:4" ht="18.5" x14ac:dyDescent="0.35">
      <c r="A25" s="10"/>
      <c r="B25" s="1"/>
      <c r="C25" s="38"/>
      <c r="D25" s="39"/>
    </row>
    <row r="26" spans="1:4" ht="15" thickBot="1" x14ac:dyDescent="0.4"/>
    <row r="27" spans="1:4" ht="19" thickBot="1" x14ac:dyDescent="0.4">
      <c r="A27" s="55" t="s">
        <v>39</v>
      </c>
      <c r="B27" s="56"/>
      <c r="C27" s="56"/>
      <c r="D27" s="57"/>
    </row>
    <row r="28" spans="1:4" ht="19" thickBot="1" x14ac:dyDescent="0.4">
      <c r="A28" s="58" t="s">
        <v>40</v>
      </c>
      <c r="B28" s="59"/>
      <c r="C28" s="59"/>
      <c r="D28" s="60"/>
    </row>
    <row r="29" spans="1:4" ht="16" thickBot="1" x14ac:dyDescent="0.4">
      <c r="A29" s="17" t="s">
        <v>3</v>
      </c>
      <c r="B29" s="18" t="s">
        <v>0</v>
      </c>
      <c r="C29" s="19" t="s">
        <v>1</v>
      </c>
      <c r="D29" s="20" t="s">
        <v>2</v>
      </c>
    </row>
    <row r="30" spans="1:4" ht="18.5" x14ac:dyDescent="0.35">
      <c r="A30" s="22">
        <v>1</v>
      </c>
      <c r="B30" s="2"/>
      <c r="C30" s="3"/>
      <c r="D30" s="25">
        <v>0</v>
      </c>
    </row>
    <row r="31" spans="1:4" ht="18.5" x14ac:dyDescent="0.35">
      <c r="A31" s="23">
        <v>2</v>
      </c>
      <c r="B31" s="4"/>
      <c r="C31" s="5"/>
      <c r="D31" s="26">
        <v>0</v>
      </c>
    </row>
    <row r="32" spans="1:4" ht="18.5" x14ac:dyDescent="0.35">
      <c r="A32" s="23">
        <v>3</v>
      </c>
      <c r="B32" s="4"/>
      <c r="C32" s="5"/>
      <c r="D32" s="26">
        <v>0</v>
      </c>
    </row>
    <row r="33" spans="1:4" ht="18.5" x14ac:dyDescent="0.35">
      <c r="A33" s="23">
        <v>4</v>
      </c>
      <c r="B33" s="4"/>
      <c r="C33" s="5"/>
      <c r="D33" s="26">
        <v>0</v>
      </c>
    </row>
    <row r="34" spans="1:4" ht="18.5" x14ac:dyDescent="0.35">
      <c r="A34" s="23">
        <v>5</v>
      </c>
      <c r="B34" s="4"/>
      <c r="C34" s="5"/>
      <c r="D34" s="26">
        <v>0</v>
      </c>
    </row>
    <row r="35" spans="1:4" ht="19" thickBot="1" x14ac:dyDescent="0.4">
      <c r="A35" s="24">
        <v>6</v>
      </c>
      <c r="B35" s="7"/>
      <c r="C35" s="8"/>
      <c r="D35" s="27">
        <v>0</v>
      </c>
    </row>
    <row r="36" spans="1:4" ht="19" thickBot="1" x14ac:dyDescent="0.4">
      <c r="A36" s="10"/>
      <c r="B36" s="1"/>
      <c r="C36" s="21" t="s">
        <v>4</v>
      </c>
      <c r="D36" s="28">
        <f>SUM(D30:D35)</f>
        <v>0</v>
      </c>
    </row>
    <row r="37" spans="1:4" ht="19" thickBot="1" x14ac:dyDescent="0.4">
      <c r="A37" s="10"/>
      <c r="B37" s="1"/>
      <c r="C37" s="21" t="s">
        <v>6</v>
      </c>
      <c r="D37" s="28"/>
    </row>
  </sheetData>
  <mergeCells count="6">
    <mergeCell ref="A28:D28"/>
    <mergeCell ref="A1:D1"/>
    <mergeCell ref="A2:D2"/>
    <mergeCell ref="A14:D14"/>
    <mergeCell ref="A15:D15"/>
    <mergeCell ref="A27:D27"/>
  </mergeCells>
  <pageMargins left="0.7" right="0.7" top="0.75" bottom="0.75" header="0.3" footer="0.3"/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50D2B91A-6A68-4390-9B93-00E1D18066CD}">
  <sheetPr>
    <tabColor rgb="FFFFFF00"/>
  </sheetPr>
  <dimension ref="A1:D37"/>
  <sheetViews>
    <sheetView topLeftCell="A19" workbookViewId="0">
      <selection activeCell="D37" sqref="D37"/>
    </sheetView>
  </sheetViews>
  <sheetFormatPr defaultRowHeight="14.5" x14ac:dyDescent="0.35"/>
  <cols>
    <col min="1" max="1" width="7.90625" bestFit="1" customWidth="1"/>
    <col min="2" max="2" width="25.36328125" customWidth="1"/>
    <col min="3" max="3" width="29.26953125" customWidth="1"/>
    <col min="4" max="4" width="10.453125" customWidth="1"/>
  </cols>
  <sheetData>
    <row r="1" spans="1:4" ht="19" thickBot="1" x14ac:dyDescent="0.4">
      <c r="A1" s="55" t="s">
        <v>41</v>
      </c>
      <c r="B1" s="56"/>
      <c r="C1" s="56"/>
      <c r="D1" s="57"/>
    </row>
    <row r="2" spans="1:4" ht="19" thickBot="1" x14ac:dyDescent="0.4">
      <c r="A2" s="58" t="s">
        <v>43</v>
      </c>
      <c r="B2" s="59"/>
      <c r="C2" s="59"/>
      <c r="D2" s="60"/>
    </row>
    <row r="3" spans="1:4" ht="16" thickBot="1" x14ac:dyDescent="0.4">
      <c r="A3" s="17" t="s">
        <v>3</v>
      </c>
      <c r="B3" s="18" t="s">
        <v>0</v>
      </c>
      <c r="C3" s="19" t="s">
        <v>1</v>
      </c>
      <c r="D3" s="20" t="s">
        <v>2</v>
      </c>
    </row>
    <row r="4" spans="1:4" ht="18.5" x14ac:dyDescent="0.35">
      <c r="A4" s="22">
        <v>1</v>
      </c>
      <c r="B4" s="2"/>
      <c r="C4" s="3"/>
      <c r="D4" s="25">
        <v>0</v>
      </c>
    </row>
    <row r="5" spans="1:4" ht="18.5" x14ac:dyDescent="0.35">
      <c r="A5" s="23">
        <v>2</v>
      </c>
      <c r="B5" s="4"/>
      <c r="C5" s="5"/>
      <c r="D5" s="26">
        <v>0</v>
      </c>
    </row>
    <row r="6" spans="1:4" ht="18.5" x14ac:dyDescent="0.35">
      <c r="A6" s="23">
        <v>3</v>
      </c>
      <c r="B6" s="4"/>
      <c r="C6" s="5"/>
      <c r="D6" s="26">
        <v>0</v>
      </c>
    </row>
    <row r="7" spans="1:4" ht="18.5" x14ac:dyDescent="0.35">
      <c r="A7" s="23">
        <v>4</v>
      </c>
      <c r="B7" s="4"/>
      <c r="C7" s="5"/>
      <c r="D7" s="26">
        <v>0</v>
      </c>
    </row>
    <row r="8" spans="1:4" ht="18.5" x14ac:dyDescent="0.35">
      <c r="A8" s="23">
        <v>5</v>
      </c>
      <c r="B8" s="4"/>
      <c r="C8" s="5"/>
      <c r="D8" s="26">
        <v>0</v>
      </c>
    </row>
    <row r="9" spans="1:4" ht="19" thickBot="1" x14ac:dyDescent="0.4">
      <c r="A9" s="24">
        <v>6</v>
      </c>
      <c r="B9" s="7"/>
      <c r="C9" s="8"/>
      <c r="D9" s="27">
        <v>0</v>
      </c>
    </row>
    <row r="10" spans="1:4" ht="19" thickBot="1" x14ac:dyDescent="0.4">
      <c r="A10" s="10"/>
      <c r="B10" s="1"/>
      <c r="C10" s="21" t="s">
        <v>4</v>
      </c>
      <c r="D10" s="28">
        <f>SUM(D4:D9)</f>
        <v>0</v>
      </c>
    </row>
    <row r="11" spans="1:4" ht="19" thickBot="1" x14ac:dyDescent="0.4">
      <c r="A11" s="10"/>
      <c r="B11" s="1"/>
      <c r="C11" s="21" t="s">
        <v>6</v>
      </c>
      <c r="D11" s="28"/>
    </row>
    <row r="12" spans="1:4" ht="18.5" x14ac:dyDescent="0.35">
      <c r="A12" s="10"/>
      <c r="B12" s="1"/>
      <c r="C12" s="38"/>
      <c r="D12" s="39"/>
    </row>
    <row r="13" spans="1:4" ht="15" thickBot="1" x14ac:dyDescent="0.4"/>
    <row r="14" spans="1:4" ht="19" thickBot="1" x14ac:dyDescent="0.4">
      <c r="A14" s="55" t="s">
        <v>42</v>
      </c>
      <c r="B14" s="56"/>
      <c r="C14" s="56"/>
      <c r="D14" s="57"/>
    </row>
    <row r="15" spans="1:4" ht="19" thickBot="1" x14ac:dyDescent="0.4">
      <c r="A15" s="58" t="s">
        <v>43</v>
      </c>
      <c r="B15" s="59"/>
      <c r="C15" s="59"/>
      <c r="D15" s="60"/>
    </row>
    <row r="16" spans="1:4" ht="16" thickBot="1" x14ac:dyDescent="0.4">
      <c r="A16" s="17" t="s">
        <v>3</v>
      </c>
      <c r="B16" s="18" t="s">
        <v>0</v>
      </c>
      <c r="C16" s="19" t="s">
        <v>1</v>
      </c>
      <c r="D16" s="20" t="s">
        <v>2</v>
      </c>
    </row>
    <row r="17" spans="1:4" ht="18.5" x14ac:dyDescent="0.35">
      <c r="A17" s="22">
        <v>1</v>
      </c>
      <c r="B17" s="2"/>
      <c r="C17" s="3"/>
      <c r="D17" s="25">
        <v>0</v>
      </c>
    </row>
    <row r="18" spans="1:4" ht="18.5" x14ac:dyDescent="0.35">
      <c r="A18" s="23">
        <v>2</v>
      </c>
      <c r="B18" s="4"/>
      <c r="C18" s="5"/>
      <c r="D18" s="26">
        <v>0</v>
      </c>
    </row>
    <row r="19" spans="1:4" ht="18.5" x14ac:dyDescent="0.35">
      <c r="A19" s="23">
        <v>3</v>
      </c>
      <c r="B19" s="4"/>
      <c r="C19" s="5"/>
      <c r="D19" s="26">
        <v>0</v>
      </c>
    </row>
    <row r="20" spans="1:4" ht="18.5" x14ac:dyDescent="0.35">
      <c r="A20" s="23">
        <v>4</v>
      </c>
      <c r="B20" s="4"/>
      <c r="C20" s="5"/>
      <c r="D20" s="26">
        <v>0</v>
      </c>
    </row>
    <row r="21" spans="1:4" ht="18.5" x14ac:dyDescent="0.35">
      <c r="A21" s="23">
        <v>5</v>
      </c>
      <c r="B21" s="4"/>
      <c r="C21" s="5"/>
      <c r="D21" s="26">
        <v>0</v>
      </c>
    </row>
    <row r="22" spans="1:4" ht="19" thickBot="1" x14ac:dyDescent="0.4">
      <c r="A22" s="24">
        <v>6</v>
      </c>
      <c r="B22" s="7"/>
      <c r="C22" s="8"/>
      <c r="D22" s="27">
        <v>0</v>
      </c>
    </row>
    <row r="23" spans="1:4" ht="19" thickBot="1" x14ac:dyDescent="0.4">
      <c r="A23" s="10"/>
      <c r="B23" s="1"/>
      <c r="C23" s="21" t="s">
        <v>4</v>
      </c>
      <c r="D23" s="28">
        <f>SUM(D17:D22)</f>
        <v>0</v>
      </c>
    </row>
    <row r="24" spans="1:4" ht="19" thickBot="1" x14ac:dyDescent="0.4">
      <c r="A24" s="10"/>
      <c r="B24" s="1"/>
      <c r="C24" s="21" t="s">
        <v>6</v>
      </c>
      <c r="D24" s="28"/>
    </row>
    <row r="25" spans="1:4" ht="18.5" x14ac:dyDescent="0.35">
      <c r="A25" s="10"/>
      <c r="B25" s="1"/>
      <c r="C25" s="38"/>
      <c r="D25" s="39"/>
    </row>
    <row r="26" spans="1:4" ht="15" thickBot="1" x14ac:dyDescent="0.4"/>
    <row r="27" spans="1:4" ht="19" thickBot="1" x14ac:dyDescent="0.4">
      <c r="A27" s="55" t="s">
        <v>44</v>
      </c>
      <c r="B27" s="56"/>
      <c r="C27" s="56"/>
      <c r="D27" s="57"/>
    </row>
    <row r="28" spans="1:4" ht="19" thickBot="1" x14ac:dyDescent="0.4">
      <c r="A28" s="58" t="s">
        <v>43</v>
      </c>
      <c r="B28" s="59"/>
      <c r="C28" s="59"/>
      <c r="D28" s="60"/>
    </row>
    <row r="29" spans="1:4" ht="16" thickBot="1" x14ac:dyDescent="0.4">
      <c r="A29" s="17" t="s">
        <v>3</v>
      </c>
      <c r="B29" s="18" t="s">
        <v>0</v>
      </c>
      <c r="C29" s="19" t="s">
        <v>1</v>
      </c>
      <c r="D29" s="20" t="s">
        <v>2</v>
      </c>
    </row>
    <row r="30" spans="1:4" ht="18.5" x14ac:dyDescent="0.35">
      <c r="A30" s="22">
        <v>1</v>
      </c>
      <c r="B30" s="2"/>
      <c r="C30" s="3"/>
      <c r="D30" s="25">
        <v>0</v>
      </c>
    </row>
    <row r="31" spans="1:4" ht="18.5" x14ac:dyDescent="0.35">
      <c r="A31" s="23">
        <v>2</v>
      </c>
      <c r="B31" s="4"/>
      <c r="C31" s="5"/>
      <c r="D31" s="26">
        <v>0</v>
      </c>
    </row>
    <row r="32" spans="1:4" ht="18.5" x14ac:dyDescent="0.35">
      <c r="A32" s="23">
        <v>3</v>
      </c>
      <c r="B32" s="4"/>
      <c r="C32" s="5"/>
      <c r="D32" s="26">
        <v>0</v>
      </c>
    </row>
    <row r="33" spans="1:4" ht="18.5" x14ac:dyDescent="0.35">
      <c r="A33" s="23">
        <v>4</v>
      </c>
      <c r="B33" s="4"/>
      <c r="C33" s="5"/>
      <c r="D33" s="26">
        <v>0</v>
      </c>
    </row>
    <row r="34" spans="1:4" ht="18.5" x14ac:dyDescent="0.35">
      <c r="A34" s="23">
        <v>5</v>
      </c>
      <c r="B34" s="4"/>
      <c r="C34" s="5"/>
      <c r="D34" s="26">
        <v>0</v>
      </c>
    </row>
    <row r="35" spans="1:4" ht="19" thickBot="1" x14ac:dyDescent="0.4">
      <c r="A35" s="24">
        <v>6</v>
      </c>
      <c r="B35" s="7"/>
      <c r="C35" s="8"/>
      <c r="D35" s="27">
        <v>0</v>
      </c>
    </row>
    <row r="36" spans="1:4" ht="19" thickBot="1" x14ac:dyDescent="0.4">
      <c r="A36" s="10"/>
      <c r="B36" s="1"/>
      <c r="C36" s="21" t="s">
        <v>4</v>
      </c>
      <c r="D36" s="28">
        <f>SUM(D30:D35)</f>
        <v>0</v>
      </c>
    </row>
    <row r="37" spans="1:4" ht="19" thickBot="1" x14ac:dyDescent="0.4">
      <c r="A37" s="10"/>
      <c r="B37" s="1"/>
      <c r="C37" s="21" t="s">
        <v>6</v>
      </c>
      <c r="D37" s="28"/>
    </row>
  </sheetData>
  <mergeCells count="6">
    <mergeCell ref="A28:D28"/>
    <mergeCell ref="A1:D1"/>
    <mergeCell ref="A2:D2"/>
    <mergeCell ref="A14:D14"/>
    <mergeCell ref="A15:D15"/>
    <mergeCell ref="A27:D27"/>
  </mergeCells>
  <pageMargins left="0.7" right="0.7" top="0.75" bottom="0.75" header="0.3" footer="0.3"/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8699ABD4-14F0-4E1D-804D-6A2439F3AB69}">
  <sheetPr>
    <tabColor rgb="FFFFFF00"/>
  </sheetPr>
  <dimension ref="A1:D50"/>
  <sheetViews>
    <sheetView topLeftCell="A37" workbookViewId="0">
      <selection activeCell="A54" sqref="A54"/>
    </sheetView>
  </sheetViews>
  <sheetFormatPr defaultRowHeight="14.5" x14ac:dyDescent="0.35"/>
  <cols>
    <col min="1" max="1" width="7.90625" bestFit="1" customWidth="1"/>
    <col min="2" max="2" width="25.36328125" customWidth="1"/>
    <col min="3" max="3" width="29.26953125" customWidth="1"/>
    <col min="4" max="4" width="10.453125" customWidth="1"/>
  </cols>
  <sheetData>
    <row r="1" spans="1:4" ht="19" thickBot="1" x14ac:dyDescent="0.4">
      <c r="A1" s="55" t="s">
        <v>54</v>
      </c>
      <c r="B1" s="56"/>
      <c r="C1" s="56"/>
      <c r="D1" s="57"/>
    </row>
    <row r="2" spans="1:4" ht="19" thickBot="1" x14ac:dyDescent="0.4">
      <c r="A2" s="58" t="s">
        <v>63</v>
      </c>
      <c r="B2" s="59"/>
      <c r="C2" s="59"/>
      <c r="D2" s="60"/>
    </row>
    <row r="3" spans="1:4" ht="16" thickBot="1" x14ac:dyDescent="0.4">
      <c r="A3" s="17" t="s">
        <v>3</v>
      </c>
      <c r="B3" s="18" t="s">
        <v>0</v>
      </c>
      <c r="C3" s="19" t="s">
        <v>1</v>
      </c>
      <c r="D3" s="20" t="s">
        <v>2</v>
      </c>
    </row>
    <row r="4" spans="1:4" ht="18.5" x14ac:dyDescent="0.35">
      <c r="A4" s="22">
        <v>1</v>
      </c>
      <c r="B4" s="2"/>
      <c r="C4" s="3"/>
      <c r="D4" s="25">
        <v>0</v>
      </c>
    </row>
    <row r="5" spans="1:4" ht="18.5" x14ac:dyDescent="0.35">
      <c r="A5" s="23">
        <v>2</v>
      </c>
      <c r="B5" s="4"/>
      <c r="C5" s="5"/>
      <c r="D5" s="26">
        <v>0</v>
      </c>
    </row>
    <row r="6" spans="1:4" ht="18.5" x14ac:dyDescent="0.35">
      <c r="A6" s="23">
        <v>3</v>
      </c>
      <c r="B6" s="4"/>
      <c r="C6" s="5"/>
      <c r="D6" s="26">
        <v>0</v>
      </c>
    </row>
    <row r="7" spans="1:4" ht="18.5" x14ac:dyDescent="0.35">
      <c r="A7" s="23">
        <v>4</v>
      </c>
      <c r="B7" s="4"/>
      <c r="C7" s="5"/>
      <c r="D7" s="26">
        <v>0</v>
      </c>
    </row>
    <row r="8" spans="1:4" ht="18.5" x14ac:dyDescent="0.35">
      <c r="A8" s="23">
        <v>5</v>
      </c>
      <c r="B8" s="4"/>
      <c r="C8" s="5"/>
      <c r="D8" s="26">
        <v>0</v>
      </c>
    </row>
    <row r="9" spans="1:4" ht="19" thickBot="1" x14ac:dyDescent="0.4">
      <c r="A9" s="23">
        <v>6</v>
      </c>
      <c r="B9" s="4"/>
      <c r="C9" s="5"/>
      <c r="D9" s="26">
        <v>0</v>
      </c>
    </row>
    <row r="10" spans="1:4" ht="19" thickBot="1" x14ac:dyDescent="0.4">
      <c r="A10" s="10"/>
      <c r="B10" s="1"/>
      <c r="C10" s="21" t="s">
        <v>4</v>
      </c>
      <c r="D10" s="28">
        <f>SUM(D4:D9)</f>
        <v>0</v>
      </c>
    </row>
    <row r="11" spans="1:4" ht="19" thickBot="1" x14ac:dyDescent="0.4">
      <c r="A11" s="10"/>
      <c r="B11" s="1"/>
      <c r="C11" s="21" t="s">
        <v>6</v>
      </c>
      <c r="D11" s="28"/>
    </row>
    <row r="12" spans="1:4" ht="18.5" x14ac:dyDescent="0.35">
      <c r="A12" s="10"/>
      <c r="B12" s="1"/>
      <c r="C12" s="38"/>
      <c r="D12" s="39"/>
    </row>
    <row r="13" spans="1:4" ht="15" thickBot="1" x14ac:dyDescent="0.4"/>
    <row r="14" spans="1:4" ht="19" thickBot="1" x14ac:dyDescent="0.4">
      <c r="A14" s="55" t="s">
        <v>55</v>
      </c>
      <c r="B14" s="56"/>
      <c r="C14" s="56"/>
      <c r="D14" s="57"/>
    </row>
    <row r="15" spans="1:4" ht="19" thickBot="1" x14ac:dyDescent="0.4">
      <c r="A15" s="58" t="s">
        <v>63</v>
      </c>
      <c r="B15" s="59"/>
      <c r="C15" s="59"/>
      <c r="D15" s="60"/>
    </row>
    <row r="16" spans="1:4" ht="16" thickBot="1" x14ac:dyDescent="0.4">
      <c r="A16" s="17" t="s">
        <v>3</v>
      </c>
      <c r="B16" s="18" t="s">
        <v>0</v>
      </c>
      <c r="C16" s="19" t="s">
        <v>1</v>
      </c>
      <c r="D16" s="20" t="s">
        <v>2</v>
      </c>
    </row>
    <row r="17" spans="1:4" ht="18.5" x14ac:dyDescent="0.35">
      <c r="A17" s="22">
        <v>1</v>
      </c>
      <c r="B17" s="2"/>
      <c r="C17" s="3"/>
      <c r="D17" s="25">
        <v>0</v>
      </c>
    </row>
    <row r="18" spans="1:4" ht="18.5" x14ac:dyDescent="0.35">
      <c r="A18" s="23">
        <v>2</v>
      </c>
      <c r="B18" s="4"/>
      <c r="C18" s="5"/>
      <c r="D18" s="26">
        <v>0</v>
      </c>
    </row>
    <row r="19" spans="1:4" ht="18.5" x14ac:dyDescent="0.35">
      <c r="A19" s="23">
        <v>3</v>
      </c>
      <c r="B19" s="4"/>
      <c r="C19" s="5"/>
      <c r="D19" s="26">
        <v>0</v>
      </c>
    </row>
    <row r="20" spans="1:4" ht="18.5" x14ac:dyDescent="0.35">
      <c r="A20" s="23">
        <v>4</v>
      </c>
      <c r="B20" s="4"/>
      <c r="C20" s="5"/>
      <c r="D20" s="26">
        <v>0</v>
      </c>
    </row>
    <row r="21" spans="1:4" ht="18.5" x14ac:dyDescent="0.35">
      <c r="A21" s="38">
        <v>5</v>
      </c>
      <c r="B21" s="4"/>
      <c r="C21" s="5"/>
      <c r="D21" s="26">
        <v>0</v>
      </c>
    </row>
    <row r="22" spans="1:4" ht="19" thickBot="1" x14ac:dyDescent="0.4">
      <c r="A22" s="38">
        <v>6</v>
      </c>
      <c r="B22" s="4"/>
      <c r="C22" s="5"/>
      <c r="D22" s="26">
        <v>0</v>
      </c>
    </row>
    <row r="23" spans="1:4" ht="19" thickBot="1" x14ac:dyDescent="0.4">
      <c r="A23" s="10"/>
      <c r="B23" s="1"/>
      <c r="C23" s="21" t="s">
        <v>4</v>
      </c>
      <c r="D23" s="28">
        <f>SUM(D17:D22)</f>
        <v>0</v>
      </c>
    </row>
    <row r="24" spans="1:4" ht="19" thickBot="1" x14ac:dyDescent="0.4">
      <c r="A24" s="10"/>
      <c r="B24" s="1"/>
      <c r="C24" s="21" t="s">
        <v>6</v>
      </c>
      <c r="D24" s="28"/>
    </row>
    <row r="25" spans="1:4" ht="18.5" x14ac:dyDescent="0.35">
      <c r="A25" s="10"/>
      <c r="B25" s="1"/>
      <c r="C25" s="38"/>
      <c r="D25" s="39"/>
    </row>
    <row r="26" spans="1:4" ht="15" thickBot="1" x14ac:dyDescent="0.4"/>
    <row r="27" spans="1:4" ht="19" thickBot="1" x14ac:dyDescent="0.4">
      <c r="A27" s="55" t="s">
        <v>56</v>
      </c>
      <c r="B27" s="56"/>
      <c r="C27" s="56"/>
      <c r="D27" s="57"/>
    </row>
    <row r="28" spans="1:4" ht="19" thickBot="1" x14ac:dyDescent="0.4">
      <c r="A28" s="58" t="s">
        <v>63</v>
      </c>
      <c r="B28" s="59"/>
      <c r="C28" s="59"/>
      <c r="D28" s="60"/>
    </row>
    <row r="29" spans="1:4" ht="16" thickBot="1" x14ac:dyDescent="0.4">
      <c r="A29" s="17" t="s">
        <v>3</v>
      </c>
      <c r="B29" s="18" t="s">
        <v>0</v>
      </c>
      <c r="C29" s="19" t="s">
        <v>1</v>
      </c>
      <c r="D29" s="20" t="s">
        <v>2</v>
      </c>
    </row>
    <row r="30" spans="1:4" ht="18.5" x14ac:dyDescent="0.35">
      <c r="A30" s="22">
        <v>1</v>
      </c>
      <c r="B30" s="2"/>
      <c r="C30" s="3"/>
      <c r="D30" s="25">
        <v>0</v>
      </c>
    </row>
    <row r="31" spans="1:4" ht="18.5" x14ac:dyDescent="0.35">
      <c r="A31" s="23">
        <v>2</v>
      </c>
      <c r="B31" s="4"/>
      <c r="C31" s="5"/>
      <c r="D31" s="26">
        <v>0</v>
      </c>
    </row>
    <row r="32" spans="1:4" ht="18.5" x14ac:dyDescent="0.35">
      <c r="A32" s="23">
        <v>3</v>
      </c>
      <c r="B32" s="4"/>
      <c r="C32" s="5"/>
      <c r="D32" s="26">
        <v>0</v>
      </c>
    </row>
    <row r="33" spans="1:4" ht="18.5" x14ac:dyDescent="0.35">
      <c r="A33" s="23">
        <v>4</v>
      </c>
      <c r="B33" s="4"/>
      <c r="C33" s="5"/>
      <c r="D33" s="26">
        <v>0</v>
      </c>
    </row>
    <row r="34" spans="1:4" ht="18.5" x14ac:dyDescent="0.35">
      <c r="A34" s="23">
        <v>5</v>
      </c>
      <c r="B34" s="4"/>
      <c r="C34" s="5"/>
      <c r="D34" s="26">
        <v>0</v>
      </c>
    </row>
    <row r="35" spans="1:4" ht="19" thickBot="1" x14ac:dyDescent="0.4">
      <c r="A35" s="23">
        <v>6</v>
      </c>
      <c r="B35" s="4"/>
      <c r="C35" s="5"/>
      <c r="D35" s="26">
        <v>0</v>
      </c>
    </row>
    <row r="36" spans="1:4" ht="19" thickBot="1" x14ac:dyDescent="0.4">
      <c r="A36" s="10"/>
      <c r="B36" s="1"/>
      <c r="C36" s="21" t="s">
        <v>4</v>
      </c>
      <c r="D36" s="28">
        <f>SUM(D30:D33)</f>
        <v>0</v>
      </c>
    </row>
    <row r="37" spans="1:4" ht="19" thickBot="1" x14ac:dyDescent="0.4">
      <c r="A37" s="10"/>
      <c r="B37" s="1"/>
      <c r="C37" s="21" t="s">
        <v>6</v>
      </c>
      <c r="D37" s="28"/>
    </row>
    <row r="39" spans="1:4" ht="15" thickBot="1" x14ac:dyDescent="0.4"/>
    <row r="40" spans="1:4" ht="19" thickBot="1" x14ac:dyDescent="0.4">
      <c r="A40" s="55" t="s">
        <v>45</v>
      </c>
      <c r="B40" s="56"/>
      <c r="C40" s="56"/>
      <c r="D40" s="57"/>
    </row>
    <row r="41" spans="1:4" ht="19" thickBot="1" x14ac:dyDescent="0.4">
      <c r="A41" s="58" t="s">
        <v>63</v>
      </c>
      <c r="B41" s="59"/>
      <c r="C41" s="59"/>
      <c r="D41" s="60"/>
    </row>
    <row r="42" spans="1:4" ht="16" thickBot="1" x14ac:dyDescent="0.4">
      <c r="A42" s="17" t="s">
        <v>3</v>
      </c>
      <c r="B42" s="18" t="s">
        <v>0</v>
      </c>
      <c r="C42" s="19" t="s">
        <v>1</v>
      </c>
      <c r="D42" s="20" t="s">
        <v>2</v>
      </c>
    </row>
    <row r="43" spans="1:4" ht="18.5" x14ac:dyDescent="0.35">
      <c r="A43" s="22">
        <v>1</v>
      </c>
      <c r="B43" s="2"/>
      <c r="C43" s="3"/>
      <c r="D43" s="25">
        <v>0</v>
      </c>
    </row>
    <row r="44" spans="1:4" ht="18.5" x14ac:dyDescent="0.35">
      <c r="A44" s="23">
        <v>2</v>
      </c>
      <c r="B44" s="4"/>
      <c r="C44" s="5"/>
      <c r="D44" s="26">
        <v>0</v>
      </c>
    </row>
    <row r="45" spans="1:4" ht="18.5" x14ac:dyDescent="0.35">
      <c r="A45" s="23">
        <v>3</v>
      </c>
      <c r="B45" s="4"/>
      <c r="C45" s="5"/>
      <c r="D45" s="26">
        <v>0</v>
      </c>
    </row>
    <row r="46" spans="1:4" ht="18.5" x14ac:dyDescent="0.35">
      <c r="A46" s="23">
        <v>4</v>
      </c>
      <c r="B46" s="4"/>
      <c r="C46" s="5"/>
      <c r="D46" s="26">
        <v>0</v>
      </c>
    </row>
    <row r="47" spans="1:4" ht="18.5" x14ac:dyDescent="0.35">
      <c r="A47" s="40">
        <v>5</v>
      </c>
      <c r="B47" s="4"/>
      <c r="C47" s="5"/>
      <c r="D47" s="26">
        <v>0</v>
      </c>
    </row>
    <row r="48" spans="1:4" ht="19" thickBot="1" x14ac:dyDescent="0.4">
      <c r="A48" s="40">
        <v>6</v>
      </c>
      <c r="B48" s="4"/>
      <c r="C48" s="5"/>
      <c r="D48" s="26">
        <v>0</v>
      </c>
    </row>
    <row r="49" spans="1:4" ht="19" thickBot="1" x14ac:dyDescent="0.4">
      <c r="A49" s="10"/>
      <c r="B49" s="1"/>
      <c r="C49" s="21" t="s">
        <v>4</v>
      </c>
      <c r="D49" s="28">
        <f>SUM(D43:D48)</f>
        <v>0</v>
      </c>
    </row>
    <row r="50" spans="1:4" ht="19" thickBot="1" x14ac:dyDescent="0.4">
      <c r="A50" s="10"/>
      <c r="B50" s="1"/>
      <c r="C50" s="21" t="s">
        <v>6</v>
      </c>
      <c r="D50" s="28"/>
    </row>
  </sheetData>
  <mergeCells count="8">
    <mergeCell ref="A40:D40"/>
    <mergeCell ref="A41:D41"/>
    <mergeCell ref="A1:D1"/>
    <mergeCell ref="A2:D2"/>
    <mergeCell ref="A14:D14"/>
    <mergeCell ref="A15:D15"/>
    <mergeCell ref="A27:D27"/>
    <mergeCell ref="A28:D28"/>
  </mergeCells>
  <pageMargins left="0.7" right="0.7" top="0.75" bottom="0.75" header="0.3" footer="0.3"/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9F379DA-D1C0-4503-B649-7AFDD0924723}">
  <sheetPr>
    <tabColor rgb="FF00B050"/>
  </sheetPr>
  <dimension ref="A1:D3"/>
  <sheetViews>
    <sheetView workbookViewId="0">
      <selection activeCell="C7" sqref="C7"/>
    </sheetView>
  </sheetViews>
  <sheetFormatPr defaultColWidth="9.08984375" defaultRowHeight="23.25" customHeight="1" x14ac:dyDescent="0.35"/>
  <cols>
    <col min="1" max="1" width="7.453125" style="10" bestFit="1" customWidth="1"/>
    <col min="2" max="2" width="38.81640625" style="1" customWidth="1"/>
    <col min="3" max="3" width="47.08984375" style="1" customWidth="1"/>
    <col min="4" max="4" width="18.36328125" style="10" customWidth="1"/>
    <col min="5" max="16384" width="9.08984375" style="1"/>
  </cols>
  <sheetData>
    <row r="1" spans="1:4" ht="23.25" customHeight="1" thickBot="1" x14ac:dyDescent="0.4">
      <c r="A1" s="55" t="s">
        <v>52</v>
      </c>
      <c r="B1" s="56"/>
      <c r="C1" s="56"/>
      <c r="D1" s="57"/>
    </row>
    <row r="2" spans="1:4" ht="23.25" customHeight="1" thickBot="1" x14ac:dyDescent="0.4">
      <c r="A2" s="58" t="s">
        <v>32</v>
      </c>
      <c r="B2" s="59"/>
      <c r="C2" s="59"/>
      <c r="D2" s="60"/>
    </row>
    <row r="3" spans="1:4" s="42" customFormat="1" ht="23.15" customHeight="1" x14ac:dyDescent="0.35">
      <c r="A3" s="41"/>
      <c r="C3" s="43"/>
      <c r="D3" s="41"/>
    </row>
  </sheetData>
  <mergeCells count="2">
    <mergeCell ref="A1:D1"/>
    <mergeCell ref="A2:D2"/>
  </mergeCells>
  <pageMargins left="0.7" right="0.7" top="0.75" bottom="0.75" header="0.3" footer="0.3"/>
</worksheet>
</file>

<file path=xl/worksheets/sheet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5D4030EA-3C69-42F6-87F9-4E927C409D67}">
  <sheetPr>
    <tabColor rgb="FF00B050"/>
  </sheetPr>
  <dimension ref="A1:D37"/>
  <sheetViews>
    <sheetView topLeftCell="A25" workbookViewId="0">
      <selection activeCell="A27" sqref="A27:D27"/>
    </sheetView>
  </sheetViews>
  <sheetFormatPr defaultRowHeight="14.5" x14ac:dyDescent="0.35"/>
  <cols>
    <col min="1" max="1" width="7.90625" bestFit="1" customWidth="1"/>
    <col min="2" max="2" width="25.36328125" customWidth="1"/>
    <col min="3" max="3" width="29.26953125" customWidth="1"/>
    <col min="4" max="4" width="10.453125" customWidth="1"/>
  </cols>
  <sheetData>
    <row r="1" spans="1:4" ht="19" thickBot="1" x14ac:dyDescent="0.4">
      <c r="A1" s="55" t="s">
        <v>57</v>
      </c>
      <c r="B1" s="56"/>
      <c r="C1" s="56"/>
      <c r="D1" s="57"/>
    </row>
    <row r="2" spans="1:4" ht="19" thickBot="1" x14ac:dyDescent="0.4">
      <c r="A2" s="58" t="s">
        <v>46</v>
      </c>
      <c r="B2" s="59"/>
      <c r="C2" s="59"/>
      <c r="D2" s="60"/>
    </row>
    <row r="3" spans="1:4" ht="16" thickBot="1" x14ac:dyDescent="0.4">
      <c r="A3" s="17" t="s">
        <v>3</v>
      </c>
      <c r="B3" s="18" t="s">
        <v>0</v>
      </c>
      <c r="C3" s="19" t="s">
        <v>1</v>
      </c>
      <c r="D3" s="20" t="s">
        <v>2</v>
      </c>
    </row>
    <row r="4" spans="1:4" ht="18.5" x14ac:dyDescent="0.35">
      <c r="A4" s="22">
        <v>1</v>
      </c>
      <c r="B4" s="2"/>
      <c r="C4" s="3"/>
      <c r="D4" s="25">
        <v>0</v>
      </c>
    </row>
    <row r="5" spans="1:4" ht="18.5" x14ac:dyDescent="0.35">
      <c r="A5" s="23">
        <v>2</v>
      </c>
      <c r="B5" s="4"/>
      <c r="C5" s="5"/>
      <c r="D5" s="26">
        <v>0</v>
      </c>
    </row>
    <row r="6" spans="1:4" ht="18.5" x14ac:dyDescent="0.35">
      <c r="A6" s="23">
        <v>3</v>
      </c>
      <c r="B6" s="4"/>
      <c r="C6" s="5"/>
      <c r="D6" s="26">
        <v>0</v>
      </c>
    </row>
    <row r="7" spans="1:4" ht="18.5" x14ac:dyDescent="0.35">
      <c r="A7" s="23">
        <v>4</v>
      </c>
      <c r="B7" s="4"/>
      <c r="C7" s="5"/>
      <c r="D7" s="26">
        <v>0</v>
      </c>
    </row>
    <row r="8" spans="1:4" ht="18.5" x14ac:dyDescent="0.35">
      <c r="A8" s="23">
        <v>5</v>
      </c>
      <c r="B8" s="4"/>
      <c r="C8" s="5"/>
      <c r="D8" s="26">
        <v>0</v>
      </c>
    </row>
    <row r="9" spans="1:4" ht="19" thickBot="1" x14ac:dyDescent="0.4">
      <c r="A9" s="24">
        <v>6</v>
      </c>
      <c r="B9" s="7"/>
      <c r="C9" s="8"/>
      <c r="D9" s="27">
        <v>0</v>
      </c>
    </row>
    <row r="10" spans="1:4" ht="19" thickBot="1" x14ac:dyDescent="0.4">
      <c r="A10" s="10"/>
      <c r="B10" s="1"/>
      <c r="C10" s="21" t="s">
        <v>4</v>
      </c>
      <c r="D10" s="28">
        <f>SUM(D4:D9)</f>
        <v>0</v>
      </c>
    </row>
    <row r="11" spans="1:4" ht="19" thickBot="1" x14ac:dyDescent="0.4">
      <c r="A11" s="10"/>
      <c r="B11" s="1"/>
      <c r="C11" s="21" t="s">
        <v>6</v>
      </c>
      <c r="D11" s="28" t="e">
        <f>VLOOKUP(D10,LOOKUPS!$A$8:$C$10,3,TRUE)</f>
        <v>#N/A</v>
      </c>
    </row>
    <row r="12" spans="1:4" ht="18.5" x14ac:dyDescent="0.35">
      <c r="A12" s="10"/>
      <c r="B12" s="1"/>
      <c r="C12" s="38"/>
      <c r="D12" s="39"/>
    </row>
    <row r="13" spans="1:4" ht="15" thickBot="1" x14ac:dyDescent="0.4"/>
    <row r="14" spans="1:4" ht="19" thickBot="1" x14ac:dyDescent="0.4">
      <c r="A14" s="55" t="s">
        <v>58</v>
      </c>
      <c r="B14" s="56"/>
      <c r="C14" s="56"/>
      <c r="D14" s="57"/>
    </row>
    <row r="15" spans="1:4" ht="19" thickBot="1" x14ac:dyDescent="0.4">
      <c r="A15" s="58" t="s">
        <v>46</v>
      </c>
      <c r="B15" s="59"/>
      <c r="C15" s="59"/>
      <c r="D15" s="60"/>
    </row>
    <row r="16" spans="1:4" ht="16" thickBot="1" x14ac:dyDescent="0.4">
      <c r="A16" s="17" t="s">
        <v>3</v>
      </c>
      <c r="B16" s="18" t="s">
        <v>0</v>
      </c>
      <c r="C16" s="19" t="s">
        <v>1</v>
      </c>
      <c r="D16" s="20" t="s">
        <v>2</v>
      </c>
    </row>
    <row r="17" spans="1:4" ht="18.5" x14ac:dyDescent="0.35">
      <c r="A17" s="22">
        <v>1</v>
      </c>
      <c r="B17" s="2"/>
      <c r="C17" s="3"/>
      <c r="D17" s="25">
        <v>0</v>
      </c>
    </row>
    <row r="18" spans="1:4" ht="18.5" x14ac:dyDescent="0.35">
      <c r="A18" s="23">
        <v>2</v>
      </c>
      <c r="B18" s="4"/>
      <c r="C18" s="5"/>
      <c r="D18" s="26">
        <v>0</v>
      </c>
    </row>
    <row r="19" spans="1:4" ht="18.5" x14ac:dyDescent="0.35">
      <c r="A19" s="23">
        <v>3</v>
      </c>
      <c r="B19" s="4"/>
      <c r="C19" s="5"/>
      <c r="D19" s="26">
        <v>0</v>
      </c>
    </row>
    <row r="20" spans="1:4" ht="18.5" x14ac:dyDescent="0.35">
      <c r="A20" s="23">
        <v>4</v>
      </c>
      <c r="B20" s="4"/>
      <c r="C20" s="5"/>
      <c r="D20" s="26">
        <v>0</v>
      </c>
    </row>
    <row r="21" spans="1:4" ht="18.5" x14ac:dyDescent="0.35">
      <c r="A21" s="23">
        <v>5</v>
      </c>
      <c r="B21" s="4"/>
      <c r="C21" s="5"/>
      <c r="D21" s="26">
        <v>0</v>
      </c>
    </row>
    <row r="22" spans="1:4" ht="19" thickBot="1" x14ac:dyDescent="0.4">
      <c r="A22" s="24">
        <v>6</v>
      </c>
      <c r="B22" s="7"/>
      <c r="C22" s="8"/>
      <c r="D22" s="27">
        <v>0</v>
      </c>
    </row>
    <row r="23" spans="1:4" ht="19" thickBot="1" x14ac:dyDescent="0.4">
      <c r="A23" s="10"/>
      <c r="B23" s="1"/>
      <c r="C23" s="21" t="s">
        <v>4</v>
      </c>
      <c r="D23" s="28">
        <f>SUM(D17:D22)</f>
        <v>0</v>
      </c>
    </row>
    <row r="24" spans="1:4" ht="19" thickBot="1" x14ac:dyDescent="0.4">
      <c r="A24" s="10"/>
      <c r="B24" s="1"/>
      <c r="C24" s="21" t="s">
        <v>6</v>
      </c>
      <c r="D24" s="28" t="e">
        <f>VLOOKUP(D23,LOOKUPS!$A$8:$C$10,3,TRUE)</f>
        <v>#N/A</v>
      </c>
    </row>
    <row r="25" spans="1:4" ht="18.5" x14ac:dyDescent="0.35">
      <c r="A25" s="10"/>
      <c r="B25" s="1"/>
      <c r="C25" s="38"/>
      <c r="D25" s="39"/>
    </row>
    <row r="26" spans="1:4" ht="15" thickBot="1" x14ac:dyDescent="0.4"/>
    <row r="27" spans="1:4" ht="19" thickBot="1" x14ac:dyDescent="0.4">
      <c r="A27" s="55" t="s">
        <v>59</v>
      </c>
      <c r="B27" s="56"/>
      <c r="C27" s="56"/>
      <c r="D27" s="57"/>
    </row>
    <row r="28" spans="1:4" ht="19" thickBot="1" x14ac:dyDescent="0.4">
      <c r="A28" s="58" t="s">
        <v>46</v>
      </c>
      <c r="B28" s="59"/>
      <c r="C28" s="59"/>
      <c r="D28" s="60"/>
    </row>
    <row r="29" spans="1:4" ht="16" thickBot="1" x14ac:dyDescent="0.4">
      <c r="A29" s="17" t="s">
        <v>3</v>
      </c>
      <c r="B29" s="18" t="s">
        <v>0</v>
      </c>
      <c r="C29" s="19" t="s">
        <v>1</v>
      </c>
      <c r="D29" s="20" t="s">
        <v>2</v>
      </c>
    </row>
    <row r="30" spans="1:4" ht="18.5" x14ac:dyDescent="0.35">
      <c r="A30" s="22">
        <v>1</v>
      </c>
      <c r="B30" s="2"/>
      <c r="C30" s="3"/>
      <c r="D30" s="25">
        <v>0</v>
      </c>
    </row>
    <row r="31" spans="1:4" ht="18.5" x14ac:dyDescent="0.35">
      <c r="A31" s="23">
        <v>2</v>
      </c>
      <c r="B31" s="4"/>
      <c r="C31" s="5"/>
      <c r="D31" s="26">
        <v>0</v>
      </c>
    </row>
    <row r="32" spans="1:4" ht="18.5" x14ac:dyDescent="0.35">
      <c r="A32" s="23">
        <v>3</v>
      </c>
      <c r="B32" s="4"/>
      <c r="C32" s="5"/>
      <c r="D32" s="26">
        <v>0</v>
      </c>
    </row>
    <row r="33" spans="1:4" ht="18.5" x14ac:dyDescent="0.35">
      <c r="A33" s="23">
        <v>4</v>
      </c>
      <c r="B33" s="4"/>
      <c r="C33" s="5"/>
      <c r="D33" s="26">
        <v>0</v>
      </c>
    </row>
    <row r="34" spans="1:4" ht="18.5" x14ac:dyDescent="0.35">
      <c r="A34" s="23">
        <v>5</v>
      </c>
      <c r="B34" s="4"/>
      <c r="C34" s="5"/>
      <c r="D34" s="26">
        <v>0</v>
      </c>
    </row>
    <row r="35" spans="1:4" ht="19" thickBot="1" x14ac:dyDescent="0.4">
      <c r="A35" s="24">
        <v>6</v>
      </c>
      <c r="B35" s="7"/>
      <c r="C35" s="8"/>
      <c r="D35" s="27">
        <v>0</v>
      </c>
    </row>
    <row r="36" spans="1:4" ht="19" thickBot="1" x14ac:dyDescent="0.4">
      <c r="A36" s="10"/>
      <c r="B36" s="1"/>
      <c r="C36" s="21" t="s">
        <v>4</v>
      </c>
      <c r="D36" s="28">
        <f>SUM(D30:D35)</f>
        <v>0</v>
      </c>
    </row>
    <row r="37" spans="1:4" ht="19" thickBot="1" x14ac:dyDescent="0.4">
      <c r="A37" s="10"/>
      <c r="B37" s="1"/>
      <c r="C37" s="21" t="s">
        <v>6</v>
      </c>
      <c r="D37" s="28"/>
    </row>
  </sheetData>
  <mergeCells count="6">
    <mergeCell ref="A28:D28"/>
    <mergeCell ref="A1:D1"/>
    <mergeCell ref="A2:D2"/>
    <mergeCell ref="A14:D14"/>
    <mergeCell ref="A15:D15"/>
    <mergeCell ref="A27:D27"/>
  </mergeCells>
  <pageMargins left="0.7" right="0.7" top="0.75" bottom="0.75" header="0.3" footer="0.3"/>
</worksheet>
</file>

<file path=xl/worksheets/sheet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90B0DAD6-A778-4B8C-B94D-5DA20A4B497A}">
  <sheetPr>
    <tabColor rgb="FF00B050"/>
  </sheetPr>
  <dimension ref="A1:D37"/>
  <sheetViews>
    <sheetView topLeftCell="A22" workbookViewId="0">
      <selection activeCell="D37" sqref="D37"/>
    </sheetView>
  </sheetViews>
  <sheetFormatPr defaultRowHeight="14.5" x14ac:dyDescent="0.35"/>
  <cols>
    <col min="1" max="1" width="7.90625" bestFit="1" customWidth="1"/>
    <col min="2" max="2" width="25.36328125" customWidth="1"/>
    <col min="3" max="3" width="29.26953125" customWidth="1"/>
    <col min="4" max="4" width="10.453125" customWidth="1"/>
  </cols>
  <sheetData>
    <row r="1" spans="1:4" ht="19" thickBot="1" x14ac:dyDescent="0.4">
      <c r="A1" s="55" t="s">
        <v>48</v>
      </c>
      <c r="B1" s="56"/>
      <c r="C1" s="56"/>
      <c r="D1" s="57"/>
    </row>
    <row r="2" spans="1:4" ht="19" thickBot="1" x14ac:dyDescent="0.4">
      <c r="A2" s="58" t="s">
        <v>47</v>
      </c>
      <c r="B2" s="59"/>
      <c r="C2" s="59"/>
      <c r="D2" s="60"/>
    </row>
    <row r="3" spans="1:4" ht="16" thickBot="1" x14ac:dyDescent="0.4">
      <c r="A3" s="17" t="s">
        <v>3</v>
      </c>
      <c r="B3" s="18" t="s">
        <v>0</v>
      </c>
      <c r="C3" s="19" t="s">
        <v>1</v>
      </c>
      <c r="D3" s="20" t="s">
        <v>2</v>
      </c>
    </row>
    <row r="4" spans="1:4" ht="18.5" x14ac:dyDescent="0.35">
      <c r="A4" s="22">
        <v>1</v>
      </c>
      <c r="B4" s="2"/>
      <c r="C4" s="3"/>
      <c r="D4" s="25">
        <v>0</v>
      </c>
    </row>
    <row r="5" spans="1:4" ht="18.5" x14ac:dyDescent="0.35">
      <c r="A5" s="23">
        <v>2</v>
      </c>
      <c r="B5" s="4"/>
      <c r="C5" s="5"/>
      <c r="D5" s="26">
        <v>0</v>
      </c>
    </row>
    <row r="6" spans="1:4" ht="18.5" x14ac:dyDescent="0.35">
      <c r="A6" s="23">
        <v>3</v>
      </c>
      <c r="B6" s="4"/>
      <c r="C6" s="5"/>
      <c r="D6" s="26">
        <v>0</v>
      </c>
    </row>
    <row r="7" spans="1:4" ht="18.5" x14ac:dyDescent="0.35">
      <c r="A7" s="23">
        <v>4</v>
      </c>
      <c r="B7" s="4"/>
      <c r="C7" s="5"/>
      <c r="D7" s="26">
        <v>0</v>
      </c>
    </row>
    <row r="8" spans="1:4" ht="18.5" x14ac:dyDescent="0.35">
      <c r="A8" s="23">
        <v>5</v>
      </c>
      <c r="B8" s="4"/>
      <c r="C8" s="5"/>
      <c r="D8" s="26">
        <v>0</v>
      </c>
    </row>
    <row r="9" spans="1:4" ht="19" thickBot="1" x14ac:dyDescent="0.4">
      <c r="A9" s="24">
        <v>6</v>
      </c>
      <c r="B9" s="7"/>
      <c r="C9" s="8"/>
      <c r="D9" s="27">
        <v>0</v>
      </c>
    </row>
    <row r="10" spans="1:4" ht="19" thickBot="1" x14ac:dyDescent="0.4">
      <c r="A10" s="10"/>
      <c r="B10" s="1"/>
      <c r="C10" s="21" t="s">
        <v>4</v>
      </c>
      <c r="D10" s="28">
        <f>SUM(D4:D9)</f>
        <v>0</v>
      </c>
    </row>
    <row r="11" spans="1:4" ht="19" thickBot="1" x14ac:dyDescent="0.4">
      <c r="A11" s="10"/>
      <c r="B11" s="1"/>
      <c r="C11" s="21" t="s">
        <v>6</v>
      </c>
      <c r="D11" s="28"/>
    </row>
    <row r="12" spans="1:4" ht="18.5" x14ac:dyDescent="0.35">
      <c r="A12" s="10"/>
      <c r="B12" s="1"/>
      <c r="C12" s="38"/>
      <c r="D12" s="39"/>
    </row>
    <row r="13" spans="1:4" ht="15" thickBot="1" x14ac:dyDescent="0.4"/>
    <row r="14" spans="1:4" ht="19" thickBot="1" x14ac:dyDescent="0.4">
      <c r="A14" s="55" t="s">
        <v>49</v>
      </c>
      <c r="B14" s="56"/>
      <c r="C14" s="56"/>
      <c r="D14" s="57"/>
    </row>
    <row r="15" spans="1:4" ht="19" thickBot="1" x14ac:dyDescent="0.4">
      <c r="A15" s="58" t="s">
        <v>51</v>
      </c>
      <c r="B15" s="59"/>
      <c r="C15" s="59"/>
      <c r="D15" s="60"/>
    </row>
    <row r="16" spans="1:4" ht="16" thickBot="1" x14ac:dyDescent="0.4">
      <c r="A16" s="17" t="s">
        <v>3</v>
      </c>
      <c r="B16" s="18" t="s">
        <v>0</v>
      </c>
      <c r="C16" s="19" t="s">
        <v>1</v>
      </c>
      <c r="D16" s="20" t="s">
        <v>2</v>
      </c>
    </row>
    <row r="17" spans="1:4" ht="18.5" x14ac:dyDescent="0.35">
      <c r="A17" s="22">
        <v>1</v>
      </c>
      <c r="B17" s="2"/>
      <c r="C17" s="3"/>
      <c r="D17" s="25">
        <v>0</v>
      </c>
    </row>
    <row r="18" spans="1:4" ht="18.5" x14ac:dyDescent="0.35">
      <c r="A18" s="23">
        <v>2</v>
      </c>
      <c r="B18" s="4"/>
      <c r="C18" s="5"/>
      <c r="D18" s="26">
        <v>0</v>
      </c>
    </row>
    <row r="19" spans="1:4" ht="18.5" x14ac:dyDescent="0.35">
      <c r="A19" s="23">
        <v>3</v>
      </c>
      <c r="B19" s="4"/>
      <c r="C19" s="5"/>
      <c r="D19" s="26">
        <v>0</v>
      </c>
    </row>
    <row r="20" spans="1:4" ht="18.5" x14ac:dyDescent="0.35">
      <c r="A20" s="23">
        <v>4</v>
      </c>
      <c r="B20" s="4"/>
      <c r="C20" s="5"/>
      <c r="D20" s="26">
        <v>0</v>
      </c>
    </row>
    <row r="21" spans="1:4" ht="18.5" x14ac:dyDescent="0.35">
      <c r="A21" s="23">
        <v>5</v>
      </c>
      <c r="B21" s="4"/>
      <c r="C21" s="5"/>
      <c r="D21" s="26">
        <v>0</v>
      </c>
    </row>
    <row r="22" spans="1:4" ht="19" thickBot="1" x14ac:dyDescent="0.4">
      <c r="A22" s="24">
        <v>6</v>
      </c>
      <c r="B22" s="7"/>
      <c r="C22" s="8"/>
      <c r="D22" s="27">
        <v>0</v>
      </c>
    </row>
    <row r="23" spans="1:4" ht="19" thickBot="1" x14ac:dyDescent="0.4">
      <c r="A23" s="10"/>
      <c r="B23" s="1"/>
      <c r="C23" s="21" t="s">
        <v>4</v>
      </c>
      <c r="D23" s="28">
        <f>SUM(D17:D22)</f>
        <v>0</v>
      </c>
    </row>
    <row r="24" spans="1:4" ht="19" thickBot="1" x14ac:dyDescent="0.4">
      <c r="A24" s="10"/>
      <c r="B24" s="1"/>
      <c r="C24" s="21" t="s">
        <v>6</v>
      </c>
      <c r="D24" s="28"/>
    </row>
    <row r="25" spans="1:4" ht="18.5" x14ac:dyDescent="0.35">
      <c r="A25" s="10"/>
      <c r="B25" s="1"/>
      <c r="C25" s="38"/>
      <c r="D25" s="39"/>
    </row>
    <row r="26" spans="1:4" ht="15" thickBot="1" x14ac:dyDescent="0.4"/>
    <row r="27" spans="1:4" ht="19" thickBot="1" x14ac:dyDescent="0.4">
      <c r="A27" s="55" t="s">
        <v>50</v>
      </c>
      <c r="B27" s="56"/>
      <c r="C27" s="56"/>
      <c r="D27" s="57"/>
    </row>
    <row r="28" spans="1:4" ht="19" thickBot="1" x14ac:dyDescent="0.4">
      <c r="A28" s="58" t="s">
        <v>47</v>
      </c>
      <c r="B28" s="59"/>
      <c r="C28" s="59"/>
      <c r="D28" s="60"/>
    </row>
    <row r="29" spans="1:4" ht="16" thickBot="1" x14ac:dyDescent="0.4">
      <c r="A29" s="17" t="s">
        <v>3</v>
      </c>
      <c r="B29" s="18" t="s">
        <v>0</v>
      </c>
      <c r="C29" s="19" t="s">
        <v>1</v>
      </c>
      <c r="D29" s="20" t="s">
        <v>2</v>
      </c>
    </row>
    <row r="30" spans="1:4" ht="18.5" x14ac:dyDescent="0.35">
      <c r="A30" s="22">
        <v>1</v>
      </c>
      <c r="B30" s="2"/>
      <c r="C30" s="3"/>
      <c r="D30" s="25">
        <v>0</v>
      </c>
    </row>
    <row r="31" spans="1:4" ht="18.5" x14ac:dyDescent="0.35">
      <c r="A31" s="23">
        <v>2</v>
      </c>
      <c r="B31" s="4"/>
      <c r="C31" s="5"/>
      <c r="D31" s="26">
        <v>0</v>
      </c>
    </row>
    <row r="32" spans="1:4" ht="18.5" x14ac:dyDescent="0.35">
      <c r="A32" s="23">
        <v>3</v>
      </c>
      <c r="B32" s="4"/>
      <c r="C32" s="5"/>
      <c r="D32" s="26">
        <v>0</v>
      </c>
    </row>
    <row r="33" spans="1:4" ht="18.5" x14ac:dyDescent="0.35">
      <c r="A33" s="23">
        <v>4</v>
      </c>
      <c r="B33" s="4"/>
      <c r="C33" s="5"/>
      <c r="D33" s="26">
        <v>0</v>
      </c>
    </row>
    <row r="34" spans="1:4" ht="18.5" x14ac:dyDescent="0.35">
      <c r="A34" s="23">
        <v>5</v>
      </c>
      <c r="B34" s="4"/>
      <c r="C34" s="5"/>
      <c r="D34" s="26">
        <v>0</v>
      </c>
    </row>
    <row r="35" spans="1:4" ht="19" thickBot="1" x14ac:dyDescent="0.4">
      <c r="A35" s="24">
        <v>6</v>
      </c>
      <c r="B35" s="7"/>
      <c r="C35" s="8"/>
      <c r="D35" s="27">
        <v>0</v>
      </c>
    </row>
    <row r="36" spans="1:4" ht="19" thickBot="1" x14ac:dyDescent="0.4">
      <c r="A36" s="10"/>
      <c r="B36" s="1"/>
      <c r="C36" s="21" t="s">
        <v>4</v>
      </c>
      <c r="D36" s="28">
        <f>SUM(D30:D35)</f>
        <v>0</v>
      </c>
    </row>
    <row r="37" spans="1:4" ht="19" thickBot="1" x14ac:dyDescent="0.4">
      <c r="A37" s="10"/>
      <c r="B37" s="1"/>
      <c r="C37" s="21" t="s">
        <v>6</v>
      </c>
      <c r="D37" s="28"/>
    </row>
  </sheetData>
  <mergeCells count="6">
    <mergeCell ref="A28:D28"/>
    <mergeCell ref="A1:D1"/>
    <mergeCell ref="A2:D2"/>
    <mergeCell ref="A14:D14"/>
    <mergeCell ref="A15:D15"/>
    <mergeCell ref="A27:D27"/>
  </mergeCells>
  <pageMargins left="0.7" right="0.7" top="0.75" bottom="0.75" header="0.3" footer="0.3"/>
</worksheet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item1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>
    <k3787934d1ba4b0886ef1d999925df95 xmlns="8b5d33e1-6a93-43cd-b019-f614efd8ebd2">
      <Terms xmlns="http://schemas.microsoft.com/office/infopath/2007/PartnerControls"/>
    </k3787934d1ba4b0886ef1d999925df95>
    <TaxCatchAll xmlns="ef82bcee-d038-4f37-9083-008e2af36499"/>
  </documentManagement>
</p:properties>
</file>

<file path=customXml/item2.xml><?xml version="1.0" encoding="utf-8"?>
<ct:contentTypeSchema xmlns:ct="http://schemas.microsoft.com/office/2006/metadata/contentType" xmlns:ma="http://schemas.microsoft.com/office/2006/metadata/properties/metaAttributes" ct:_="" ma:_="" ma:contentTypeName="Document" ma:contentTypeID="0x010100F67C423523AA7742BAFE2B23953B6F2B" ma:contentTypeVersion="13" ma:contentTypeDescription="Create a new document." ma:contentTypeScope="" ma:versionID="277662dde6e3db0bb0f8a20c6a5aa653">
  <xsd:schema xmlns:xsd="http://www.w3.org/2001/XMLSchema" xmlns:xs="http://www.w3.org/2001/XMLSchema" xmlns:p="http://schemas.microsoft.com/office/2006/metadata/properties" xmlns:ns2="8b5d33e1-6a93-43cd-b019-f614efd8ebd2" xmlns:ns3="ef82bcee-d038-4f37-9083-008e2af36499" targetNamespace="http://schemas.microsoft.com/office/2006/metadata/properties" ma:root="true" ma:fieldsID="ccbfa0882bcbb1688c8e3dc405218f46" ns2:_="" ns3:_="">
    <xsd:import namespace="8b5d33e1-6a93-43cd-b019-f614efd8ebd2"/>
    <xsd:import namespace="ef82bcee-d038-4f37-9083-008e2af36499"/>
    <xsd:element name="properties">
      <xsd:complexType>
        <xsd:sequence>
          <xsd:element name="documentManagement">
            <xsd:complexType>
              <xsd:all>
                <xsd:element ref="ns2:k3787934d1ba4b0886ef1d999925df95" minOccurs="0"/>
                <xsd:element ref="ns3:TaxCatchAll" minOccurs="0"/>
                <xsd:element ref="ns3:SharedWithUsers" minOccurs="0"/>
                <xsd:element ref="ns3:SharedWithDetails" minOccurs="0"/>
                <xsd:element ref="ns2:MediaServiceMetadata" minOccurs="0"/>
                <xsd:element ref="ns2:MediaServiceFastMetadata" minOccurs="0"/>
                <xsd:element ref="ns2:MediaServiceAutoTags" minOccurs="0"/>
                <xsd:element ref="ns2:MediaServiceDateTaken" minOccurs="0"/>
                <xsd:element ref="ns2:MediaServiceLocation" minOccurs="0"/>
                <xsd:element ref="ns2:MediaServiceOCR" minOccurs="0"/>
                <xsd:element ref="ns2:MediaServiceEventHashCode" minOccurs="0"/>
                <xsd:element ref="ns2:MediaServiceGenerationTime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8b5d33e1-6a93-43cd-b019-f614efd8ebd2" elementFormDefault="qualified">
    <xsd:import namespace="http://schemas.microsoft.com/office/2006/documentManagement/types"/>
    <xsd:import namespace="http://schemas.microsoft.com/office/infopath/2007/PartnerControls"/>
    <xsd:element name="k3787934d1ba4b0886ef1d999925df95" ma:index="9" nillable="true" ma:taxonomy="true" ma:internalName="k3787934d1ba4b0886ef1d999925df95" ma:taxonomyFieldName="Document_x0020_Type" ma:displayName="Document Type" ma:default="" ma:fieldId="{43787934-d1ba-4b08-86ef-1d999925df95}" ma:sspId="1c956aa0-99b7-4ae6-a8b6-93e0359b35e1" ma:termSetId="ead545c4-bc77-4d43-9649-59e487a79b05" ma:anchorId="d5ed3326-056b-4386-8b7a-6d258a143aa5" ma:open="true" ma:isKeyword="false">
      <xsd:complexType>
        <xsd:sequence>
          <xsd:element ref="pc:Terms" minOccurs="0" maxOccurs="1"/>
        </xsd:sequence>
      </xsd:complexType>
    </xsd:element>
    <xsd:element name="MediaServiceMetadata" ma:index="13" nillable="true" ma:displayName="MediaServiceMetadata" ma:description="" ma:hidden="true" ma:internalName="MediaServiceMetadata" ma:readOnly="true">
      <xsd:simpleType>
        <xsd:restriction base="dms:Note"/>
      </xsd:simpleType>
    </xsd:element>
    <xsd:element name="MediaServiceFastMetadata" ma:index="14" nillable="true" ma:displayName="MediaServiceFastMetadata" ma:description="" ma:hidden="true" ma:internalName="MediaServiceFastMetadata" ma:readOnly="true">
      <xsd:simpleType>
        <xsd:restriction base="dms:Note"/>
      </xsd:simpleType>
    </xsd:element>
    <xsd:element name="MediaServiceAutoTags" ma:index="15" nillable="true" ma:displayName="MediaServiceAutoTags" ma:description="" ma:internalName="MediaServiceAutoTags" ma:readOnly="true">
      <xsd:simpleType>
        <xsd:restriction base="dms:Text"/>
      </xsd:simpleType>
    </xsd:element>
    <xsd:element name="MediaServiceDateTaken" ma:index="16" nillable="true" ma:displayName="MediaServiceDateTaken" ma:description="" ma:hidden="true" ma:internalName="MediaServiceDateTaken" ma:readOnly="true">
      <xsd:simpleType>
        <xsd:restriction base="dms:Text"/>
      </xsd:simpleType>
    </xsd:element>
    <xsd:element name="MediaServiceLocation" ma:index="17" nillable="true" ma:displayName="MediaServiceLocation" ma:description="" ma:internalName="MediaServiceLocation" ma:readOnly="true">
      <xsd:simpleType>
        <xsd:restriction base="dms:Text"/>
      </xsd:simpleType>
    </xsd:element>
    <xsd:element name="MediaServiceOCR" ma:index="18" nillable="true" ma:displayName="MediaServiceOCR" ma:internalName="MediaServiceOCR" ma:readOnly="true">
      <xsd:simpleType>
        <xsd:restriction base="dms:Note">
          <xsd:maxLength value="255"/>
        </xsd:restriction>
      </xsd:simpleType>
    </xsd:element>
    <xsd:element name="MediaServiceEventHashCode" ma:index="19" nillable="true" ma:displayName="MediaServiceEventHashCode" ma:hidden="true" ma:internalName="MediaServiceEventHashCode" ma:readOnly="true">
      <xsd:simpleType>
        <xsd:restriction base="dms:Text"/>
      </xsd:simpleType>
    </xsd:element>
    <xsd:element name="MediaServiceGenerationTime" ma:index="20" nillable="true" ma:displayName="MediaServiceGenerationTime" ma:hidden="true" ma:internalName="MediaServiceGenerationTime" ma:readOnly="true">
      <xsd:simpleType>
        <xsd:restriction base="dms:Text"/>
      </xsd:simple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ef82bcee-d038-4f37-9083-008e2af36499" elementFormDefault="qualified">
    <xsd:import namespace="http://schemas.microsoft.com/office/2006/documentManagement/types"/>
    <xsd:import namespace="http://schemas.microsoft.com/office/infopath/2007/PartnerControls"/>
    <xsd:element name="TaxCatchAll" ma:index="10" nillable="true" ma:displayName="Taxonomy Catch All Column" ma:description="" ma:hidden="true" ma:list="{9cba3adc-ff16-4acf-8830-2edccf0066a7}" ma:internalName="TaxCatchAll" ma:showField="CatchAllData" ma:web="ef82bcee-d038-4f37-9083-008e2af36499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  <xsd:element name="SharedWithUsers" ma:index="11" nillable="true" ma:displayName="Shared With" ma:description="" ma:internalName="SharedWithUsers" ma:readOnly="true">
      <xsd:complexType>
        <xsd:complexContent>
          <xsd:extension base="dms:UserMulti">
            <xsd:sequence>
              <xsd:element name="UserInfo" minOccurs="0" maxOccurs="unbounded">
                <xsd:complexType>
                  <xsd:sequence>
                    <xsd:element name="DisplayName" type="xsd:string" minOccurs="0"/>
                    <xsd:element name="AccountId" type="dms:UserId" minOccurs="0" nillable="true"/>
                    <xsd:element name="AccountType" type="xsd:string" minOccurs="0"/>
                  </xsd:sequence>
                </xsd:complexType>
              </xsd:element>
            </xsd:sequence>
          </xsd:extension>
        </xsd:complexContent>
      </xsd:complexType>
    </xsd:element>
    <xsd:element name="SharedWithDetails" ma:index="12" nillable="true" ma:displayName="Shared With Details" ma:description="" ma:internalName="SharedWithDetails" ma:readOnly="true">
      <xsd:simpleType>
        <xsd:restriction base="dms:Note">
          <xsd:maxLength value="255"/>
        </xsd:restriction>
      </xsd:simple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Content Type"/>
        <xsd:element ref="dc:title" minOccurs="0" maxOccurs="1" ma:index="4" ma:displayName="Title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3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Props1.xml><?xml version="1.0" encoding="utf-8"?>
<ds:datastoreItem xmlns:ds="http://schemas.openxmlformats.org/officeDocument/2006/customXml" ds:itemID="{1BB06A69-0770-41E8-9730-582FE8256408}">
  <ds:schemaRefs>
    <ds:schemaRef ds:uri="http://www.w3.org/XML/1998/namespace"/>
    <ds:schemaRef ds:uri="http://schemas.microsoft.com/office/2006/metadata/properties"/>
    <ds:schemaRef ds:uri="http://purl.org/dc/dcmitype/"/>
    <ds:schemaRef ds:uri="http://schemas.microsoft.com/office/infopath/2007/PartnerControls"/>
    <ds:schemaRef ds:uri="http://schemas.microsoft.com/office/2006/documentManagement/types"/>
    <ds:schemaRef ds:uri="http://schemas.openxmlformats.org/package/2006/metadata/core-properties"/>
    <ds:schemaRef ds:uri="ef82bcee-d038-4f37-9083-008e2af36499"/>
    <ds:schemaRef ds:uri="8b5d33e1-6a93-43cd-b019-f614efd8ebd2"/>
    <ds:schemaRef ds:uri="http://purl.org/dc/terms/"/>
    <ds:schemaRef ds:uri="http://purl.org/dc/elements/1.1/"/>
  </ds:schemaRefs>
</ds:datastoreItem>
</file>

<file path=customXml/itemProps2.xml><?xml version="1.0" encoding="utf-8"?>
<ds:datastoreItem xmlns:ds="http://schemas.openxmlformats.org/officeDocument/2006/customXml" ds:itemID="{F323F746-F06E-43F4-B52B-36559FF68B3E}">
  <ds:schemaRefs>
    <ds:schemaRef ds:uri="http://schemas.microsoft.com/office/2006/metadata/contentType"/>
    <ds:schemaRef ds:uri="http://schemas.microsoft.com/office/2006/metadata/properties/metaAttributes"/>
    <ds:schemaRef ds:uri="http://www.w3.org/2001/XMLSchema"/>
    <ds:schemaRef ds:uri="http://schemas.microsoft.com/office/2006/metadata/properties"/>
    <ds:schemaRef ds:uri="8b5d33e1-6a93-43cd-b019-f614efd8ebd2"/>
    <ds:schemaRef ds:uri="ef82bcee-d038-4f37-9083-008e2af36499"/>
    <ds:schemaRef ds:uri="http://schemas.microsoft.com/office/2006/documentManagement/types"/>
    <ds:schemaRef ds:uri="http://schemas.microsoft.com/office/infopath/2007/PartnerControls"/>
    <ds:schemaRef ds:uri="http://schemas.openxmlformats.org/package/2006/metadata/core-properties"/>
    <ds:schemaRef ds:uri="http://purl.org/dc/elements/1.1/"/>
    <ds:schemaRef ds:uri="http://purl.org/dc/terms/"/>
    <ds:schemaRef ds:uri="http://schemas.microsoft.com/internal/obd"/>
  </ds:schemaRefs>
</ds:datastoreItem>
</file>

<file path=customXml/itemProps3.xml><?xml version="1.0" encoding="utf-8"?>
<ds:datastoreItem xmlns:ds="http://schemas.openxmlformats.org/officeDocument/2006/customXml" ds:itemID="{022559DE-9C1C-4CFD-AC13-CDFF2AE5B647}">
  <ds:schemaRefs>
    <ds:schemaRef ds:uri="http://schemas.microsoft.com/sharepoint/v3/contenttype/forms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Worksheets</vt:lpstr>
      </vt:variant>
      <vt:variant>
        <vt:i4>13</vt:i4>
      </vt:variant>
      <vt:variant>
        <vt:lpstr>Named Ranges</vt:lpstr>
      </vt:variant>
      <vt:variant>
        <vt:i4>1</vt:i4>
      </vt:variant>
    </vt:vector>
  </HeadingPairs>
  <TitlesOfParts>
    <vt:vector size="14" baseType="lpstr">
      <vt:lpstr>Team List</vt:lpstr>
      <vt:lpstr>Event 1</vt:lpstr>
      <vt:lpstr>Event 2 </vt:lpstr>
      <vt:lpstr>Event 3</vt:lpstr>
      <vt:lpstr>Event 4</vt:lpstr>
      <vt:lpstr>Event 5</vt:lpstr>
      <vt:lpstr>Event 6</vt:lpstr>
      <vt:lpstr>Event 7</vt:lpstr>
      <vt:lpstr>Event 8</vt:lpstr>
      <vt:lpstr>Event 9</vt:lpstr>
      <vt:lpstr>Event 10</vt:lpstr>
      <vt:lpstr>LOOKUPS</vt:lpstr>
      <vt:lpstr>Divisions</vt:lpstr>
      <vt:lpstr>'Team List'!Print_Titles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Laura Rothgeber</dc:creator>
  <cp:lastModifiedBy>Anna Wood</cp:lastModifiedBy>
  <cp:lastPrinted>2018-10-08T02:29:22Z</cp:lastPrinted>
  <dcterms:created xsi:type="dcterms:W3CDTF">2018-08-24T02:08:03Z</dcterms:created>
  <dcterms:modified xsi:type="dcterms:W3CDTF">2022-02-22T04:43:07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ontentTypeId">
    <vt:lpwstr>0x010100F67C423523AA7742BAFE2B23953B6F2B</vt:lpwstr>
  </property>
  <property fmtid="{D5CDD505-2E9C-101B-9397-08002B2CF9AE}" pid="3" name="Document Type">
    <vt:lpwstr/>
  </property>
</Properties>
</file>